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comments1.xml" ContentType="application/vnd.openxmlformats-officedocument.spreadsheetml.comments+xml"/>
  <Override PartName="/xl/threadedComments/threadedComment1.xml" ContentType="application/vnd.ms-excel.threadedcomments+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persons/person.xml" ContentType="application/vnd.ms-excel.person+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workbookPr filterPrivacy="1" defaultThemeVersion="166925"/>
  <xr:revisionPtr revIDLastSave="0" documentId="14_{AF79DA99-CA77-46AF-8B51-852DD33AE702}" xr6:coauthVersionLast="47" xr6:coauthVersionMax="47" xr10:uidLastSave="{00000000-0000-0000-0000-000000000000}"/>
  <bookViews>
    <workbookView xWindow="-120" yWindow="-120" windowWidth="29040" windowHeight="15840" tabRatio="871" xr2:uid="{492D3B54-DA57-4F54-9620-816D341EF318}"/>
  </bookViews>
  <sheets>
    <sheet name="Assessment Form" sheetId="1" r:id="rId1"/>
    <sheet name="Sheet1" sheetId="6" state="hidden" r:id="rId2"/>
    <sheet name="Speed Review Report Outputs" sheetId="5" r:id="rId3"/>
    <sheet name="Doc_Rev_Tracker" sheetId="2" r:id="rId4"/>
    <sheet name="Travel Time Calculation" sheetId="7" r:id="rId5"/>
    <sheet name="Corridor Editor(III) N1-N9" sheetId="11" r:id="rId6"/>
    <sheet name="Corridor Editor(III) 1-17" sheetId="9" r:id="rId7"/>
    <sheet name="Site Details Crash Report" sheetId="10" r:id="rId8"/>
    <sheet name="Corridor Editor(II) 1-17" sheetId="8" r:id="rId9"/>
  </sheets>
  <externalReferences>
    <externalReference r:id="rId10"/>
    <externalReference r:id="rId11"/>
  </externalReferences>
  <definedNames>
    <definedName name="_Hlk59099261" localSheetId="2">'Speed Review Report Outputs'!$A$10</definedName>
    <definedName name="bkmsubmitdate" localSheetId="0">'Assessment Form'!$C$18</definedName>
    <definedName name="IntersectionType">'[1]Lookup Tables'!$B$4:$F$4</definedName>
    <definedName name="_xlnm.Print_Area" localSheetId="0">'Assessment Form'!$A$1:$R$285</definedName>
    <definedName name="_xlnm.Print_Area" localSheetId="5">'Corridor Editor(III) N1-N9'!$A$1:$R$250</definedName>
    <definedName name="Region" localSheetId="8">'[2]Section 8 Inputs'!$A$8:$A$22</definedName>
    <definedName name="Region" localSheetId="6">'[2]Section 8 Inputs'!$A$8:$A$22</definedName>
    <definedName name="Region" localSheetId="7">'[2]Section 8 Inputs'!$A$8:$A$22</definedName>
    <definedName name="Region" localSheetId="4">'[2]Section 8 Inputs'!$A$8:$A$22</definedName>
    <definedName name="Region">#REF!</definedName>
    <definedName name="RoadType">'[1]Lookup Tables'!$A$1:$A$2</definedName>
    <definedName name="SpeedEnvironment">'[1]Lookup Tables'!$A$6:$A$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Z4" i="7" l="1"/>
  <c r="AE4" i="7"/>
  <c r="T12" i="7"/>
  <c r="Z29" i="7"/>
  <c r="Z28" i="7"/>
  <c r="Z27" i="7"/>
  <c r="Z26" i="7"/>
  <c r="Z25" i="7"/>
  <c r="Z24" i="7"/>
  <c r="Z23" i="7"/>
  <c r="Z22" i="7"/>
  <c r="Z21" i="7"/>
  <c r="Z20" i="7"/>
  <c r="Z19" i="7"/>
  <c r="Z18" i="7"/>
  <c r="Z17" i="7"/>
  <c r="Z16" i="7"/>
  <c r="Z15" i="7"/>
  <c r="Z14" i="7"/>
  <c r="Z13" i="7"/>
  <c r="Z12" i="7"/>
  <c r="Z11" i="7"/>
  <c r="Z10" i="7"/>
  <c r="Z9" i="7"/>
  <c r="Z8" i="7"/>
  <c r="Z7" i="7"/>
  <c r="Z6" i="7"/>
  <c r="Z5" i="7"/>
  <c r="T29" i="7"/>
  <c r="T28" i="7"/>
  <c r="T27" i="7"/>
  <c r="T26" i="7"/>
  <c r="T25" i="7"/>
  <c r="T24" i="7"/>
  <c r="T23" i="7"/>
  <c r="T22" i="7"/>
  <c r="T21" i="7"/>
  <c r="T20" i="7"/>
  <c r="T19" i="7"/>
  <c r="T18" i="7"/>
  <c r="T17" i="7"/>
  <c r="T16" i="7"/>
  <c r="T15" i="7"/>
  <c r="T14" i="7"/>
  <c r="T13" i="7"/>
  <c r="T11" i="7"/>
  <c r="T10" i="7"/>
  <c r="T9" i="7"/>
  <c r="T8" i="7"/>
  <c r="T7" i="7"/>
  <c r="T6" i="7"/>
  <c r="T5" i="7"/>
  <c r="T4" i="7"/>
  <c r="L12" i="7"/>
  <c r="C7" i="7"/>
  <c r="L56" i="11"/>
  <c r="L57" i="11"/>
  <c r="L60" i="11"/>
  <c r="L61" i="11"/>
  <c r="L63" i="11"/>
  <c r="O70" i="11"/>
  <c r="O85" i="11" s="1"/>
  <c r="O71" i="11"/>
  <c r="O72" i="11"/>
  <c r="O73" i="11"/>
  <c r="O74" i="11"/>
  <c r="O75" i="11"/>
  <c r="O76" i="11"/>
  <c r="O77" i="11"/>
  <c r="O78" i="11"/>
  <c r="C79" i="11"/>
  <c r="O79" i="11"/>
  <c r="O80" i="11"/>
  <c r="O81" i="11"/>
  <c r="O82" i="11"/>
  <c r="O83" i="11"/>
  <c r="O84" i="11"/>
  <c r="M85" i="11"/>
  <c r="N87" i="11" l="1"/>
  <c r="C83" i="11" s="1"/>
  <c r="M87" i="11"/>
  <c r="M88" i="11" s="1"/>
  <c r="N88" i="11" s="1"/>
  <c r="C84" i="11" s="1"/>
  <c r="S33" i="7" l="1"/>
  <c r="AE7" i="7"/>
  <c r="AE12" i="7"/>
  <c r="P229" i="1"/>
  <c r="M230" i="1"/>
  <c r="M231" i="1"/>
  <c r="M232" i="1"/>
  <c r="M233" i="1"/>
  <c r="M234" i="1"/>
  <c r="M235" i="1"/>
  <c r="M236" i="1"/>
  <c r="M237" i="1"/>
  <c r="M238" i="1"/>
  <c r="M229" i="1"/>
  <c r="N240" i="1"/>
  <c r="B229" i="1"/>
  <c r="C229" i="1"/>
  <c r="D229" i="1"/>
  <c r="E229" i="1"/>
  <c r="F229" i="1"/>
  <c r="G229" i="1"/>
  <c r="H229" i="1"/>
  <c r="K229" i="1"/>
  <c r="N229" i="1"/>
  <c r="B230" i="1"/>
  <c r="C230" i="1"/>
  <c r="D230" i="1"/>
  <c r="E230" i="1"/>
  <c r="F230" i="1"/>
  <c r="G230" i="1"/>
  <c r="H230" i="1"/>
  <c r="K230" i="1"/>
  <c r="N230" i="1"/>
  <c r="P230" i="1"/>
  <c r="B231" i="1"/>
  <c r="C231" i="1"/>
  <c r="D231" i="1"/>
  <c r="E231" i="1"/>
  <c r="F231" i="1"/>
  <c r="G231" i="1"/>
  <c r="H231" i="1"/>
  <c r="K231" i="1"/>
  <c r="N231" i="1"/>
  <c r="P231" i="1"/>
  <c r="B232" i="1"/>
  <c r="C232" i="1"/>
  <c r="D232" i="1"/>
  <c r="E232" i="1"/>
  <c r="F232" i="1"/>
  <c r="G232" i="1"/>
  <c r="H232" i="1"/>
  <c r="K232" i="1"/>
  <c r="N232" i="1"/>
  <c r="P232" i="1"/>
  <c r="B233" i="1"/>
  <c r="C233" i="1"/>
  <c r="D233" i="1"/>
  <c r="E233" i="1"/>
  <c r="F233" i="1"/>
  <c r="G233" i="1"/>
  <c r="H233" i="1"/>
  <c r="K233" i="1"/>
  <c r="N233" i="1"/>
  <c r="P233" i="1"/>
  <c r="B234" i="1"/>
  <c r="C234" i="1"/>
  <c r="D234" i="1"/>
  <c r="E234" i="1"/>
  <c r="F234" i="1"/>
  <c r="G234" i="1"/>
  <c r="H234" i="1"/>
  <c r="K234" i="1"/>
  <c r="N234" i="1"/>
  <c r="P234" i="1"/>
  <c r="B235" i="1"/>
  <c r="C235" i="1"/>
  <c r="D235" i="1"/>
  <c r="E235" i="1"/>
  <c r="F235" i="1"/>
  <c r="G235" i="1"/>
  <c r="H235" i="1"/>
  <c r="K235" i="1"/>
  <c r="N235" i="1"/>
  <c r="P235" i="1"/>
  <c r="B236" i="1"/>
  <c r="C236" i="1"/>
  <c r="D236" i="1"/>
  <c r="E236" i="1"/>
  <c r="F236" i="1"/>
  <c r="G236" i="1"/>
  <c r="H236" i="1"/>
  <c r="K236" i="1"/>
  <c r="N236" i="1"/>
  <c r="P236" i="1"/>
  <c r="B237" i="1"/>
  <c r="C237" i="1"/>
  <c r="D237" i="1"/>
  <c r="E237" i="1"/>
  <c r="F237" i="1"/>
  <c r="G237" i="1"/>
  <c r="H237" i="1"/>
  <c r="K237" i="1"/>
  <c r="N237" i="1"/>
  <c r="P237" i="1"/>
  <c r="B238" i="1"/>
  <c r="C238" i="1"/>
  <c r="D238" i="1"/>
  <c r="E238" i="1"/>
  <c r="F238" i="1"/>
  <c r="G238" i="1"/>
  <c r="H238" i="1"/>
  <c r="K238" i="1"/>
  <c r="N238" i="1"/>
  <c r="P238" i="1"/>
  <c r="D240" i="1"/>
  <c r="H135" i="1"/>
  <c r="AA4" i="7"/>
  <c r="AD4" i="7" s="1"/>
  <c r="AE6" i="7"/>
  <c r="AE8" i="7"/>
  <c r="AE9" i="7"/>
  <c r="AE11" i="7"/>
  <c r="AA8" i="7"/>
  <c r="AD8" i="7" s="1"/>
  <c r="AA9" i="7"/>
  <c r="AD9" i="7" s="1"/>
  <c r="AA5" i="7"/>
  <c r="AD5" i="7" s="1"/>
  <c r="AA6" i="7"/>
  <c r="AD6" i="7" s="1"/>
  <c r="AA7" i="7"/>
  <c r="AA11" i="7"/>
  <c r="AD11" i="7" s="1"/>
  <c r="AA12" i="7"/>
  <c r="AD12" i="7" s="1"/>
  <c r="AE5" i="7"/>
  <c r="C10" i="7"/>
  <c r="AA10" i="7" s="1"/>
  <c r="AE10" i="7" l="1"/>
  <c r="AD7" i="7"/>
  <c r="A13" i="7"/>
  <c r="AD10" i="7" l="1"/>
  <c r="F29" i="7"/>
  <c r="C29" i="7"/>
  <c r="A29" i="7"/>
  <c r="C28" i="7"/>
  <c r="AA28" i="7" s="1"/>
  <c r="A28" i="7"/>
  <c r="F27" i="7"/>
  <c r="C27" i="7"/>
  <c r="A27" i="7"/>
  <c r="C26" i="7"/>
  <c r="A26" i="7"/>
  <c r="F25" i="7"/>
  <c r="C25" i="7"/>
  <c r="A25" i="7"/>
  <c r="I24" i="7"/>
  <c r="F24" i="7"/>
  <c r="C24" i="7"/>
  <c r="A24" i="7"/>
  <c r="C23" i="7"/>
  <c r="AA23" i="7" s="1"/>
  <c r="A23" i="7"/>
  <c r="C22" i="7"/>
  <c r="AA22" i="7" s="1"/>
  <c r="A22" i="7"/>
  <c r="F21" i="7"/>
  <c r="C21" i="7"/>
  <c r="A21" i="7"/>
  <c r="C20" i="7"/>
  <c r="A20" i="7"/>
  <c r="C19" i="7"/>
  <c r="A19" i="7"/>
  <c r="F18" i="7"/>
  <c r="C18" i="7"/>
  <c r="A18" i="7"/>
  <c r="I17" i="7"/>
  <c r="F17" i="7"/>
  <c r="C17" i="7"/>
  <c r="A17" i="7"/>
  <c r="F16" i="7"/>
  <c r="C16" i="7"/>
  <c r="A16" i="7"/>
  <c r="F15" i="7"/>
  <c r="C15" i="7"/>
  <c r="A15" i="7"/>
  <c r="C14" i="7"/>
  <c r="A14" i="7"/>
  <c r="F13" i="7"/>
  <c r="C13" i="7"/>
  <c r="AA13" i="7" s="1"/>
  <c r="AD13" i="7" s="1"/>
  <c r="AA14" i="7" l="1"/>
  <c r="AA15" i="7"/>
  <c r="AA18" i="7"/>
  <c r="AE28" i="7"/>
  <c r="AE29" i="7"/>
  <c r="AA25" i="7"/>
  <c r="AA20" i="7"/>
  <c r="AD20" i="7" s="1"/>
  <c r="AA16" i="7"/>
  <c r="AA17" i="7"/>
  <c r="AE19" i="7"/>
  <c r="AE20" i="7"/>
  <c r="AE15" i="7"/>
  <c r="AA24" i="7"/>
  <c r="AD24" i="7" s="1"/>
  <c r="AE14" i="7"/>
  <c r="AE24" i="7"/>
  <c r="AE18" i="7"/>
  <c r="AE21" i="7"/>
  <c r="AE26" i="7"/>
  <c r="AA27" i="7"/>
  <c r="AD27" i="7" s="1"/>
  <c r="AD28" i="7"/>
  <c r="AA29" i="7"/>
  <c r="AA19" i="7"/>
  <c r="AD19" i="7" s="1"/>
  <c r="AE16" i="7"/>
  <c r="AE25" i="7"/>
  <c r="AE22" i="7"/>
  <c r="AE17" i="7"/>
  <c r="AA21" i="7"/>
  <c r="AD21" i="7" s="1"/>
  <c r="AE23" i="7"/>
  <c r="AA26" i="7"/>
  <c r="AD26" i="7" s="1"/>
  <c r="AE27" i="7"/>
  <c r="T33" i="7" l="1"/>
  <c r="AD18" i="7"/>
  <c r="AD15" i="7"/>
  <c r="AD14" i="7"/>
  <c r="AD29" i="7"/>
  <c r="AD16" i="7"/>
  <c r="AE13" i="7"/>
  <c r="AD17" i="7"/>
  <c r="AD25" i="7"/>
  <c r="AD22" i="7"/>
  <c r="AD23" i="7"/>
  <c r="AE32" i="7" l="1"/>
  <c r="AE33" i="7" s="1"/>
  <c r="AD32" i="7"/>
  <c r="AD33" i="7" s="1"/>
  <c r="P240" i="1"/>
  <c r="P241" i="1"/>
  <c r="P242" i="1"/>
  <c r="P243" i="1"/>
  <c r="P244" i="1"/>
  <c r="P245" i="1"/>
  <c r="P246" i="1"/>
  <c r="P247" i="1"/>
  <c r="P248" i="1"/>
  <c r="P249" i="1"/>
  <c r="P250" i="1"/>
  <c r="P251" i="1"/>
  <c r="P252" i="1"/>
  <c r="P253" i="1"/>
  <c r="P254" i="1"/>
  <c r="P255" i="1"/>
  <c r="P256" i="1"/>
  <c r="P239" i="1"/>
  <c r="N241" i="1"/>
  <c r="N242" i="1"/>
  <c r="N243" i="1"/>
  <c r="N244" i="1"/>
  <c r="N245" i="1"/>
  <c r="N246" i="1"/>
  <c r="N247" i="1"/>
  <c r="N248" i="1"/>
  <c r="N249" i="1"/>
  <c r="N250" i="1"/>
  <c r="N251" i="1"/>
  <c r="N252" i="1"/>
  <c r="N253" i="1"/>
  <c r="N254" i="1"/>
  <c r="N255" i="1"/>
  <c r="N256" i="1"/>
  <c r="N239" i="1"/>
  <c r="M255" i="1"/>
  <c r="M256" i="1"/>
  <c r="K241" i="1"/>
  <c r="K242" i="1"/>
  <c r="K243" i="1"/>
  <c r="K244" i="1"/>
  <c r="K245" i="1"/>
  <c r="K246" i="1"/>
  <c r="K247" i="1"/>
  <c r="K248" i="1"/>
  <c r="K249" i="1"/>
  <c r="K250" i="1"/>
  <c r="K251" i="1"/>
  <c r="K252" i="1"/>
  <c r="K253" i="1"/>
  <c r="K254" i="1"/>
  <c r="K255" i="1"/>
  <c r="K256" i="1"/>
  <c r="K240" i="1"/>
  <c r="K239" i="1"/>
  <c r="B240" i="1"/>
  <c r="C240" i="1"/>
  <c r="E240" i="1"/>
  <c r="F240" i="1"/>
  <c r="G240" i="1"/>
  <c r="H240" i="1"/>
  <c r="B241" i="1"/>
  <c r="C241" i="1"/>
  <c r="D241" i="1"/>
  <c r="E241" i="1"/>
  <c r="F241" i="1"/>
  <c r="G241" i="1"/>
  <c r="H241" i="1"/>
  <c r="B242" i="1"/>
  <c r="C242" i="1"/>
  <c r="D242" i="1"/>
  <c r="E242" i="1"/>
  <c r="F242" i="1"/>
  <c r="G242" i="1"/>
  <c r="H242" i="1"/>
  <c r="B243" i="1"/>
  <c r="C243" i="1"/>
  <c r="D243" i="1"/>
  <c r="E243" i="1"/>
  <c r="F243" i="1"/>
  <c r="G243" i="1"/>
  <c r="H243" i="1"/>
  <c r="B244" i="1"/>
  <c r="C244" i="1"/>
  <c r="D244" i="1"/>
  <c r="E244" i="1"/>
  <c r="F244" i="1"/>
  <c r="G244" i="1"/>
  <c r="H244" i="1"/>
  <c r="B245" i="1"/>
  <c r="C245" i="1"/>
  <c r="D245" i="1"/>
  <c r="E245" i="1"/>
  <c r="F245" i="1"/>
  <c r="G245" i="1"/>
  <c r="H245" i="1"/>
  <c r="B246" i="1"/>
  <c r="C246" i="1"/>
  <c r="D246" i="1"/>
  <c r="E246" i="1"/>
  <c r="F246" i="1"/>
  <c r="G246" i="1"/>
  <c r="H246" i="1"/>
  <c r="B247" i="1"/>
  <c r="C247" i="1"/>
  <c r="D247" i="1"/>
  <c r="E247" i="1"/>
  <c r="F247" i="1"/>
  <c r="G247" i="1"/>
  <c r="H247" i="1"/>
  <c r="B248" i="1"/>
  <c r="C248" i="1"/>
  <c r="D248" i="1"/>
  <c r="E248" i="1"/>
  <c r="F248" i="1"/>
  <c r="G248" i="1"/>
  <c r="H248" i="1"/>
  <c r="B249" i="1"/>
  <c r="C249" i="1"/>
  <c r="D249" i="1"/>
  <c r="E249" i="1"/>
  <c r="F249" i="1"/>
  <c r="G249" i="1"/>
  <c r="H249" i="1"/>
  <c r="B250" i="1"/>
  <c r="C250" i="1"/>
  <c r="D250" i="1"/>
  <c r="E250" i="1"/>
  <c r="F250" i="1"/>
  <c r="G250" i="1"/>
  <c r="H250" i="1"/>
  <c r="B251" i="1"/>
  <c r="C251" i="1"/>
  <c r="D251" i="1"/>
  <c r="E251" i="1"/>
  <c r="F251" i="1"/>
  <c r="G251" i="1"/>
  <c r="H251" i="1"/>
  <c r="B252" i="1"/>
  <c r="C252" i="1"/>
  <c r="D252" i="1"/>
  <c r="E252" i="1"/>
  <c r="F252" i="1"/>
  <c r="G252" i="1"/>
  <c r="H252" i="1"/>
  <c r="B253" i="1"/>
  <c r="C253" i="1"/>
  <c r="D253" i="1"/>
  <c r="E253" i="1"/>
  <c r="F253" i="1"/>
  <c r="G253" i="1"/>
  <c r="H253" i="1"/>
  <c r="B254" i="1"/>
  <c r="C254" i="1"/>
  <c r="D254" i="1"/>
  <c r="E254" i="1"/>
  <c r="F254" i="1"/>
  <c r="G254" i="1"/>
  <c r="H254" i="1"/>
  <c r="B255" i="1"/>
  <c r="C255" i="1"/>
  <c r="D255" i="1"/>
  <c r="E255" i="1"/>
  <c r="F255" i="1"/>
  <c r="G255" i="1"/>
  <c r="H255" i="1"/>
  <c r="B256" i="1"/>
  <c r="C256" i="1"/>
  <c r="D256" i="1"/>
  <c r="E256" i="1"/>
  <c r="F256" i="1"/>
  <c r="G256" i="1"/>
  <c r="H256" i="1"/>
  <c r="C239" i="1"/>
  <c r="D239" i="1"/>
  <c r="E239" i="1"/>
  <c r="F239" i="1"/>
  <c r="G239" i="1"/>
  <c r="H239" i="1"/>
  <c r="B239" i="1"/>
  <c r="B56" i="5" l="1"/>
  <c r="E16" i="5"/>
  <c r="D16" i="5"/>
  <c r="C16" i="5"/>
  <c r="B16" i="5"/>
  <c r="A16" i="5"/>
  <c r="E15" i="5"/>
  <c r="D15" i="5"/>
  <c r="C15" i="5"/>
  <c r="B15" i="5"/>
  <c r="A15" i="5"/>
  <c r="E14" i="5"/>
  <c r="D14" i="5"/>
  <c r="C14" i="5"/>
  <c r="B14" i="5"/>
  <c r="A14" i="5"/>
  <c r="E13" i="5"/>
  <c r="D13" i="5"/>
  <c r="C13" i="5"/>
  <c r="B13" i="5"/>
  <c r="A13" i="5"/>
  <c r="E12" i="5"/>
  <c r="D12" i="5"/>
  <c r="C12" i="5"/>
  <c r="B12" i="5"/>
  <c r="A12" i="5"/>
  <c r="E11" i="5"/>
  <c r="D11" i="5"/>
  <c r="C11" i="5"/>
  <c r="B11" i="5"/>
  <c r="A11" i="5"/>
  <c r="E10" i="5"/>
  <c r="D10" i="5"/>
  <c r="C10" i="5"/>
  <c r="B10" i="5"/>
  <c r="A10" i="5"/>
  <c r="E9" i="5"/>
  <c r="D9" i="5"/>
  <c r="C9" i="5"/>
  <c r="B9" i="5"/>
  <c r="A9" i="5"/>
  <c r="E8" i="5"/>
  <c r="D8" i="5"/>
  <c r="C8" i="5"/>
  <c r="B8" i="5"/>
  <c r="A8" i="5"/>
  <c r="E7" i="5"/>
  <c r="D7" i="5"/>
  <c r="C7" i="5"/>
  <c r="B7" i="5"/>
  <c r="A7" i="5"/>
  <c r="E6" i="5"/>
  <c r="D6" i="5"/>
  <c r="C6" i="5"/>
  <c r="B6" i="5"/>
  <c r="A6" i="5"/>
  <c r="E5" i="5"/>
  <c r="D5" i="5"/>
  <c r="C5" i="5"/>
  <c r="B5" i="5"/>
  <c r="A5" i="5"/>
  <c r="H267" i="1"/>
  <c r="F37" i="5" l="1"/>
  <c r="F38" i="5"/>
  <c r="F39" i="5"/>
  <c r="F40" i="5"/>
  <c r="F41" i="5"/>
  <c r="F42" i="5"/>
  <c r="F43" i="5"/>
  <c r="F44" i="5"/>
  <c r="F45" i="5"/>
  <c r="F46" i="5"/>
  <c r="F36" i="5"/>
  <c r="E37" i="5"/>
  <c r="E38" i="5"/>
  <c r="E39" i="5"/>
  <c r="E40" i="5"/>
  <c r="E41" i="5"/>
  <c r="E42" i="5"/>
  <c r="E43" i="5"/>
  <c r="E44" i="5"/>
  <c r="E45" i="5"/>
  <c r="E46" i="5"/>
  <c r="E36" i="5"/>
  <c r="D37" i="5"/>
  <c r="D38" i="5"/>
  <c r="D39" i="5"/>
  <c r="D40" i="5"/>
  <c r="D41" i="5"/>
  <c r="D42" i="5"/>
  <c r="D43" i="5"/>
  <c r="D44" i="5"/>
  <c r="D45" i="5"/>
  <c r="D46" i="5"/>
  <c r="D36" i="5"/>
  <c r="C37" i="5"/>
  <c r="C38" i="5"/>
  <c r="C39" i="5"/>
  <c r="C40" i="5"/>
  <c r="C41" i="5"/>
  <c r="C42" i="5"/>
  <c r="C43" i="5"/>
  <c r="C44" i="5"/>
  <c r="C45" i="5"/>
  <c r="C46" i="5"/>
  <c r="C36" i="5"/>
  <c r="B37" i="5"/>
  <c r="B38" i="5"/>
  <c r="B39" i="5"/>
  <c r="B40" i="5"/>
  <c r="B41" i="5"/>
  <c r="B42" i="5"/>
  <c r="B43" i="5"/>
  <c r="B44" i="5"/>
  <c r="B45" i="5"/>
  <c r="B46" i="5"/>
  <c r="B36" i="5"/>
  <c r="A37" i="5"/>
  <c r="A38" i="5"/>
  <c r="A39" i="5"/>
  <c r="A40" i="5"/>
  <c r="A41" i="5"/>
  <c r="A42" i="5"/>
  <c r="A43" i="5"/>
  <c r="A44" i="5"/>
  <c r="A45" i="5"/>
  <c r="A46" i="5"/>
  <c r="A36" i="5"/>
  <c r="A35" i="5"/>
  <c r="B21" i="5"/>
  <c r="B22" i="5"/>
  <c r="B23" i="5"/>
  <c r="B24" i="5"/>
  <c r="B25" i="5"/>
  <c r="B26" i="5"/>
  <c r="B27" i="5"/>
  <c r="B28" i="5"/>
  <c r="B29" i="5"/>
  <c r="B30" i="5"/>
  <c r="B31" i="5"/>
  <c r="C21" i="5"/>
  <c r="C22" i="5"/>
  <c r="C23" i="5"/>
  <c r="C24" i="5"/>
  <c r="C25" i="5"/>
  <c r="C26" i="5"/>
  <c r="C27" i="5"/>
  <c r="C28" i="5"/>
  <c r="C29" i="5"/>
  <c r="C30" i="5"/>
  <c r="C31" i="5"/>
  <c r="D21" i="5"/>
  <c r="H275" i="1" l="1"/>
  <c r="H274" i="1"/>
  <c r="H273" i="1"/>
  <c r="H272" i="1"/>
  <c r="H271" i="1"/>
  <c r="H270" i="1"/>
  <c r="H269" i="1"/>
  <c r="H268" i="1"/>
  <c r="A4" i="5" l="1"/>
  <c r="A22" i="5"/>
  <c r="D22" i="5"/>
  <c r="E22" i="5"/>
  <c r="F22" i="5"/>
  <c r="A23" i="5"/>
  <c r="D23" i="5"/>
  <c r="E23" i="5"/>
  <c r="F23" i="5"/>
  <c r="A24" i="5"/>
  <c r="D24" i="5"/>
  <c r="E24" i="5"/>
  <c r="F24" i="5"/>
  <c r="A25" i="5"/>
  <c r="D25" i="5"/>
  <c r="E25" i="5"/>
  <c r="F25" i="5"/>
  <c r="A26" i="5"/>
  <c r="D26" i="5"/>
  <c r="E26" i="5"/>
  <c r="F26" i="5"/>
  <c r="A27" i="5"/>
  <c r="D27" i="5"/>
  <c r="E27" i="5"/>
  <c r="F27" i="5"/>
  <c r="A28" i="5"/>
  <c r="D28" i="5"/>
  <c r="E28" i="5"/>
  <c r="F28" i="5"/>
  <c r="A29" i="5"/>
  <c r="D29" i="5"/>
  <c r="E29" i="5"/>
  <c r="F29" i="5"/>
  <c r="A30" i="5"/>
  <c r="D30" i="5"/>
  <c r="E30" i="5"/>
  <c r="F30" i="5"/>
  <c r="A31" i="5"/>
  <c r="D31" i="5"/>
  <c r="E31" i="5"/>
  <c r="F31" i="5"/>
  <c r="A21" i="5"/>
  <c r="E21" i="5"/>
  <c r="F21" i="5"/>
  <c r="A20" i="5"/>
  <c r="C273" i="1" l="1"/>
  <c r="B273" i="1"/>
  <c r="C272" i="1"/>
  <c r="B272" i="1"/>
  <c r="C275" i="1"/>
  <c r="B275" i="1"/>
  <c r="C274" i="1"/>
  <c r="B274" i="1"/>
  <c r="B267" i="1" l="1"/>
  <c r="B53" i="5" l="1"/>
  <c r="C268" i="1"/>
  <c r="B269" i="1"/>
  <c r="C269" i="1"/>
  <c r="B270" i="1"/>
  <c r="C270" i="1"/>
  <c r="B271" i="1"/>
  <c r="C271" i="1"/>
  <c r="C267" i="1"/>
  <c r="B268" i="1" l="1"/>
  <c r="K205" i="1"/>
  <c r="K190" i="1"/>
  <c r="K185" i="1"/>
  <c r="K175" i="1"/>
  <c r="K169" i="1"/>
  <c r="C169" i="1"/>
  <c r="K204" i="1" l="1"/>
  <c r="K189" i="1"/>
  <c r="K174" i="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tc={094CD966-8109-4E20-93B0-EDD9868CC0D5}</author>
    <author>tc={029522CF-D1B5-4C80-864E-A138157DF74F}</author>
    <author>tc={73A247E1-ABCC-4700-9CE2-F4E22B4C1BFE}</author>
  </authors>
  <commentList>
    <comment ref="B239" authorId="0" shapeId="0" xr:uid="{094CD966-8109-4E20-93B0-EDD9868CC0D5}">
      <text>
        <t>[Threaded comment]
Your version of Excel allows you to read this threaded comment; however, any edits to it will get removed if the file is opened in a newer version of Excel. Learn more: https://go.microsoft.com/fwlink/?linkid=870924
Comment:
    need to add in new section sas per new TA. Also need to redo CAS to include new sections and update time frame used</t>
      </text>
    </comment>
    <comment ref="P242" authorId="1" shapeId="0" xr:uid="{029522CF-D1B5-4C80-864E-A138157DF74F}">
      <text>
        <t>[Threaded comment]
Your version of Excel allows you to read this threaded comment; however, any edits to it will get removed if the file is opened in a newer version of Excel. Learn more: https://go.microsoft.com/fwlink/?linkid=870924
Comment:
    Kirstan O'Donoghue:
Waka Kotahi NC and RSE disagree with this 40 and this should be included as a 50 - there is no internal disagreement on this.</t>
      </text>
    </comment>
    <comment ref="P243" authorId="2" shapeId="0" xr:uid="{73A247E1-ABCC-4700-9CE2-F4E22B4C1BFE}">
      <text>
        <t>[Threaded comment]
Your version of Excel allows you to read this threaded comment; however, any edits to it will get removed if the file is opened in a newer version of Excel. Learn more: https://go.microsoft.com/fwlink/?linkid=870924
Comment:
    Kirstan O'Donoghue:
As above.</t>
      </text>
    </comment>
  </commentList>
</comments>
</file>

<file path=xl/sharedStrings.xml><?xml version="1.0" encoding="utf-8"?>
<sst xmlns="http://schemas.openxmlformats.org/spreadsheetml/2006/main" count="963" uniqueCount="514">
  <si>
    <t>NOTES</t>
  </si>
  <si>
    <t>Legend</t>
  </si>
  <si>
    <t>Automatic Input</t>
  </si>
  <si>
    <t>Date</t>
  </si>
  <si>
    <t>Name</t>
  </si>
  <si>
    <t>Phone</t>
  </si>
  <si>
    <t>Title</t>
  </si>
  <si>
    <t>Mobile</t>
  </si>
  <si>
    <t xml:space="preserve">Organisation </t>
  </si>
  <si>
    <t>Email</t>
  </si>
  <si>
    <t>Network Section No.</t>
  </si>
  <si>
    <t>State Highway</t>
  </si>
  <si>
    <t>Length (km)</t>
  </si>
  <si>
    <t>(Repeat rows for the number of sections required)</t>
  </si>
  <si>
    <t>AADT</t>
  </si>
  <si>
    <t xml:space="preserve">SAFE SPEED PROGRAMME SPEED LIMIT REVIEW – Views of Interested Teams within Transport Services   </t>
  </si>
  <si>
    <t>Purpose of this form is to record the views of interested teams within Transport Services on the speed limit review prior to going to external engagement with key stakeholders and the general public by the indicated close date (Normally two weeks).</t>
  </si>
  <si>
    <t>Region</t>
  </si>
  <si>
    <t>Site ID</t>
  </si>
  <si>
    <t>Review Period Closes</t>
  </si>
  <si>
    <t>Version / Revision</t>
  </si>
  <si>
    <t>Obtain site ID from Project Manager</t>
  </si>
  <si>
    <t>Revision #0,1,2,3…</t>
  </si>
  <si>
    <t>Date DD/MM/YYYY</t>
  </si>
  <si>
    <t>Provide the background information which led to this review</t>
  </si>
  <si>
    <t>RS / RP</t>
  </si>
  <si>
    <t>Assessed Safe and Appropriate Speed Limit (SaAS) (km/h)</t>
  </si>
  <si>
    <t>Top 10% DSI Savings Segment (Y/N)</t>
  </si>
  <si>
    <t>Safe and Appropriate Speed Technical Assessment</t>
  </si>
  <si>
    <t>Insert InfoHub link to the Technical Assessment, if any</t>
  </si>
  <si>
    <t>ONRC Classification</t>
  </si>
  <si>
    <t>Government Policy Statement (GPS) Top 10%</t>
  </si>
  <si>
    <t>7.1.     Background Data for the SH Corridor Under Review</t>
  </si>
  <si>
    <t>7.1.1. Characteristics of the Corridor</t>
  </si>
  <si>
    <t>Include ONRC Classification, GPS Top 10%</t>
  </si>
  <si>
    <t>7.1.2.	Traffic Volume (AADT) along the Corridor</t>
  </si>
  <si>
    <t>Count Location</t>
  </si>
  <si>
    <t>Count Year</t>
  </si>
  <si>
    <t>Heavy Commercial Vehicles %</t>
  </si>
  <si>
    <t>Reference the source of this information</t>
  </si>
  <si>
    <t>7.1.3.	Travel Time Impact along the Corridor</t>
  </si>
  <si>
    <t>Indicate the methodology to determine the travel time</t>
  </si>
  <si>
    <t>7.1.4.	Crash Data along the Corridor</t>
  </si>
  <si>
    <t>10-year Period Start</t>
  </si>
  <si>
    <t>10-year Period End</t>
  </si>
  <si>
    <t>Total Injuries – All</t>
  </si>
  <si>
    <t>Total Injuries – Fatal</t>
  </si>
  <si>
    <t>Total Injuries – Serious</t>
  </si>
  <si>
    <t>Total Injuries – Minor</t>
  </si>
  <si>
    <t>Map section # (if Any)</t>
  </si>
  <si>
    <t>SH</t>
  </si>
  <si>
    <t>Issues and Risks</t>
  </si>
  <si>
    <t>Mitigation</t>
  </si>
  <si>
    <t>Engagement Comments:</t>
  </si>
  <si>
    <r>
      <t xml:space="preserve">8.3      Safe Network Programme, Project Delivery, Transport Services
</t>
    </r>
    <r>
      <rPr>
        <sz val="9"/>
        <color rgb="FF000000"/>
        <rFont val="Arial"/>
        <family val="2"/>
      </rPr>
      <t>(Reflect on what they know about the corridor and the impact on their area of interest, community sentiment, upcoming works that may affect implementation, effects on people’s journeys, etc)</t>
    </r>
  </si>
  <si>
    <r>
      <t xml:space="preserve">8.4      Manager, System Management, Transport Services
</t>
    </r>
    <r>
      <rPr>
        <sz val="9"/>
        <color rgb="FF000000"/>
        <rFont val="Arial"/>
        <family val="2"/>
      </rPr>
      <t>(Reflect on what they know about the corridor and the impact on their area of interest, community sentiment, upcoming works that may affect implementation, effects on people’s journeys, etc)</t>
    </r>
  </si>
  <si>
    <r>
      <t xml:space="preserve">8.7      Design Portfolio 4, Inter-Regional Journeys
</t>
    </r>
    <r>
      <rPr>
        <sz val="9"/>
        <color rgb="FF000000"/>
        <rFont val="Arial"/>
        <family val="2"/>
      </rPr>
      <t>(Focus on what they know about the corridor and the impact on their area of interest, community sentiment, upcoming works that may affect implementation, effects on people’s journeys, etc)</t>
    </r>
  </si>
  <si>
    <r>
      <t xml:space="preserve">8.6      Regional RMA Planner, System Design, Transport Services
</t>
    </r>
    <r>
      <rPr>
        <sz val="9"/>
        <color rgb="FF000000"/>
        <rFont val="Arial"/>
        <family val="2"/>
      </rPr>
      <t>(Focus on what they know about the corridor and the impact on their area of interest, community sentiment, upcoming works that may affect implementation, effects on people’s journeys, etc)</t>
    </r>
  </si>
  <si>
    <r>
      <t xml:space="preserve">8.5      Journey Manager, System Optimisation, Transport Services
</t>
    </r>
    <r>
      <rPr>
        <sz val="9"/>
        <color rgb="FF000000"/>
        <rFont val="Arial"/>
        <family val="2"/>
      </rPr>
      <t>(Focus on what they know about the corridor and the impact on their area of interest, community sentiment, upcoming works that may affect implementation, effects on people’s journeys, etc)</t>
    </r>
  </si>
  <si>
    <t>[Recipients to provide feedback within the relevant boxes below. Two week period review period then closed.  Speed Review Manager to consider and provide close-out comments following close of review period]</t>
  </si>
  <si>
    <t>Existing Posted Speed Limit (km/h)</t>
  </si>
  <si>
    <t xml:space="preserve">Recommended Speed limit
(km/h) </t>
  </si>
  <si>
    <t>[provide offsets from nearest side road or key landmark and locality, if applicable]
*[Note: Indicate below how the DSI Savings are assessed if not derived from the MegaMap Editor Tool.]</t>
  </si>
  <si>
    <r>
      <t xml:space="preserve">10.      Approval for External Engagement [Approver to provide comments within the relevant box below and attached signature]
</t>
    </r>
    <r>
      <rPr>
        <sz val="9"/>
        <color rgb="FF000000"/>
        <rFont val="Arial"/>
        <family val="2"/>
      </rPr>
      <t>(Focus on what they know about the corridor and the impact on their area of interest, community sentiment, upcoming works that may affect implementation, effects on people’s journeys, etc)</t>
    </r>
  </si>
  <si>
    <t>Signature</t>
  </si>
  <si>
    <t>Comments:</t>
  </si>
  <si>
    <t xml:space="preserve">Proposed Safe and Appropriate Speed limit
(km/h) </t>
  </si>
  <si>
    <t>7.3.     Collaboration with TLAs</t>
  </si>
  <si>
    <t>Based on the document named "Sie ID X.X.XXX_Corridor Description_Safe Speed Programme Internal Engagement Form Version 1.0" (Word Document)</t>
  </si>
  <si>
    <t>Panellist Input Required</t>
  </si>
  <si>
    <t xml:space="preserve">Insert map or maps – please provide references to correlate to the Summary Table in Item 5 </t>
  </si>
  <si>
    <t>Portfolio Manager, Design Portfolio 5, System Performance, System Design, Transport Services</t>
  </si>
  <si>
    <t>[reference the source of this information]</t>
  </si>
  <si>
    <t>[indicate the methodology to determine the travel time]</t>
  </si>
  <si>
    <t>Rev</t>
  </si>
  <si>
    <t>Prepared by</t>
  </si>
  <si>
    <t>Reviewed</t>
  </si>
  <si>
    <t>Comments</t>
  </si>
  <si>
    <t>Revision History</t>
  </si>
  <si>
    <t>Date Start</t>
  </si>
  <si>
    <t>Principal Road Safety Advisor</t>
  </si>
  <si>
    <t>Date End</t>
  </si>
  <si>
    <t>Manager, System Management</t>
  </si>
  <si>
    <t>Journey Manager - System Optimisation</t>
  </si>
  <si>
    <r>
      <t xml:space="preserve">8.8      Area Programme Manager, Transport Services
</t>
    </r>
    <r>
      <rPr>
        <sz val="9"/>
        <color rgb="FF000000"/>
        <rFont val="Arial"/>
        <family val="2"/>
      </rPr>
      <t>(Focus on what they know about the corridor and the impact on their area of interest, community sentiment, upcoming works that may affect implementation, effects on people’s journeys, etc)</t>
    </r>
  </si>
  <si>
    <t>The SNP Speed Programme was formulated using the Pipeline Tool and validated via Megamaps. The majority of sections identified in the review are those which are part of the regional network and will result in the greatest reduction in deaths and serious injuries (DSi) through speed management. This corridor has been selected via these criteria.</t>
  </si>
  <si>
    <t>Nelson</t>
  </si>
  <si>
    <r>
      <t xml:space="preserve">8.2      OPPP, Transport Services
</t>
    </r>
    <r>
      <rPr>
        <sz val="9"/>
        <color rgb="FF000000"/>
        <rFont val="Arial"/>
        <family val="2"/>
      </rPr>
      <t>(Reflect on what they know about the corridor and the impact on their area of interest, community sentiment, upcoming works that may affect implementation, effects on people’s journeys, etc)</t>
    </r>
  </si>
  <si>
    <r>
      <t xml:space="preserve">8.1     Regional Safety Engineer
</t>
    </r>
    <r>
      <rPr>
        <sz val="9"/>
        <color rgb="FF000000"/>
        <rFont val="Arial"/>
        <family val="2"/>
      </rPr>
      <t>(Reflect on what they know about the corridor and the impact on their area of interest, community sentiment, upcoming works that may affect implementation, effects on people’s journeys, etc)</t>
    </r>
  </si>
  <si>
    <t>Regional Safety Engineer</t>
  </si>
  <si>
    <t>Travel Time Cost (Lower Bound) - Mean Speed to Proposed Speed Limit</t>
  </si>
  <si>
    <t>Travel Time Cost (Upper Bound) – Current Speed Limit to Proposed Speed Limit</t>
  </si>
  <si>
    <t>Unhide additional rows if required</t>
  </si>
  <si>
    <t>Insert InfoHub link to the TA Feedback form</t>
  </si>
  <si>
    <t>7.4.     Issues and Risks</t>
  </si>
  <si>
    <t>CAS Stats requierd by Panellist to input. Automation added to Section 8. Drop down menu added in Region. Other cosmetic updates</t>
  </si>
  <si>
    <t>Initial template setup</t>
  </si>
  <si>
    <t>9.	Speed Limit Recommended for External Engagement
(Populate when Viability meeting is completed to recommend speed limits for external engagement)</t>
  </si>
  <si>
    <t xml:space="preserve">9.1 Viability Meeting Discussions </t>
  </si>
  <si>
    <t>Internal Alignment</t>
  </si>
  <si>
    <t xml:space="preserve">Name </t>
  </si>
  <si>
    <t>Endorsed</t>
  </si>
  <si>
    <t>Speed Management Programme Lead</t>
  </si>
  <si>
    <t>Principal Road Safety Advisor, OPPP</t>
  </si>
  <si>
    <t>Internal NZTA Stakeholder Input</t>
  </si>
  <si>
    <t>NZTA Project Manager/RSE Input</t>
  </si>
  <si>
    <t>[Insert InfoHub link to the crash stats verification received from statistical analysis]</t>
  </si>
  <si>
    <t>Conditional formatting uipdates to align with new processes. Update of Section 8 names and roles. Inclusion of Table 9 for post viability meeting records</t>
  </si>
  <si>
    <t>Start RS</t>
  </si>
  <si>
    <t>Start RP</t>
  </si>
  <si>
    <t>End RS</t>
  </si>
  <si>
    <t>End RP</t>
  </si>
  <si>
    <t>Key Corridor Elements</t>
  </si>
  <si>
    <t>Is this corridor considered a contentious corridor?</t>
  </si>
  <si>
    <t xml:space="preserve">7.2.     Other Measures that may be required to support the proposed safe and appropriate speed limit </t>
  </si>
  <si>
    <t>V 3.0 - Based on Word Document Version 1.0</t>
  </si>
  <si>
    <t>Insert InfoHub link to the crash stats request form completed by panellists</t>
  </si>
  <si>
    <t>Existing Speed Limit</t>
  </si>
  <si>
    <t>New Speed Limit</t>
  </si>
  <si>
    <t>Element</t>
  </si>
  <si>
    <t>Info</t>
  </si>
  <si>
    <t>Location description</t>
  </si>
  <si>
    <t>District</t>
  </si>
  <si>
    <t>Road length</t>
  </si>
  <si>
    <t>Other factors considered in setting this speed limit</t>
  </si>
  <si>
    <t>Crash history</t>
  </si>
  <si>
    <t>End Coordinates (NZTM200)</t>
  </si>
  <si>
    <t>Start Coordinates (NZTM2000)</t>
  </si>
  <si>
    <t>Update red text as needed here</t>
  </si>
  <si>
    <t>Automatic</t>
  </si>
  <si>
    <t>Automatic table</t>
  </si>
  <si>
    <t>1.     Corridor Name</t>
  </si>
  <si>
    <t>2.     Speed Review Manager Details (Regional Safety Engineer)</t>
  </si>
  <si>
    <t>3.     Reasons for Speed Review</t>
  </si>
  <si>
    <t>4.     Map of State Highway Network Section(s) being reviewed</t>
  </si>
  <si>
    <t>5.     Technical Assessment Summary Table</t>
  </si>
  <si>
    <t>6.     Other Projects on Corridor</t>
  </si>
  <si>
    <t xml:space="preserve">7.     Supporting Information for the Review </t>
  </si>
  <si>
    <t>8.     Views of Teams within Transport Services and Responses</t>
  </si>
  <si>
    <r>
      <t xml:space="preserve">8.9      Summary of Views from Interested Teams - Themes and Response
</t>
    </r>
    <r>
      <rPr>
        <sz val="9"/>
        <color rgb="FF2575AE"/>
        <rFont val="Arial"/>
        <family val="2"/>
      </rPr>
      <t>[Speed Review Manager details what is considered as an outcome of this engagement. Complete Section 9 and Include revised speed map if any.]</t>
    </r>
  </si>
  <si>
    <r>
      <t xml:space="preserve">9.2    Speed Limit Recommended for External Engagement
</t>
    </r>
    <r>
      <rPr>
        <b/>
        <sz val="9"/>
        <color rgb="FFFF0000"/>
        <rFont val="Arial"/>
        <family val="2"/>
      </rPr>
      <t xml:space="preserve">(PM/Panellist to populate when completing the close out process for Section 8 to recommend speed limits for external engagement - </t>
    </r>
    <r>
      <rPr>
        <b/>
        <u/>
        <sz val="9"/>
        <color rgb="FFFF0000"/>
        <rFont val="Arial"/>
        <family val="2"/>
      </rPr>
      <t>post viability meeting</t>
    </r>
    <r>
      <rPr>
        <b/>
        <sz val="9"/>
        <color rgb="FFFF0000"/>
        <rFont val="Arial"/>
        <family val="2"/>
      </rPr>
      <t>)</t>
    </r>
  </si>
  <si>
    <t>number of injury crashes</t>
  </si>
  <si>
    <t>Total injury crashes (F/S/M)</t>
  </si>
  <si>
    <t>Refer to Speed Review table.</t>
  </si>
  <si>
    <t>Unhide rows as needed</t>
  </si>
  <si>
    <t>Existing Speed Limit (km/h)</t>
  </si>
  <si>
    <t>Mean Operating Speeds* (km/h)</t>
  </si>
  <si>
    <t>Regional Principal Transport Planner</t>
  </si>
  <si>
    <r>
      <t xml:space="preserve">Physical Description of Location
</t>
    </r>
    <r>
      <rPr>
        <b/>
        <i/>
        <sz val="9"/>
        <color rgb="FF000000"/>
        <rFont val="Arial"/>
        <family val="2"/>
      </rPr>
      <t>[Provide offsets from nearest side road or key landmark and locality]</t>
    </r>
  </si>
  <si>
    <t>Personal Risk Safety metric
(specify source - MM or calculated?)</t>
  </si>
  <si>
    <r>
      <t xml:space="preserve">GPS Co-ordinates (START / END)
NZTM 2000 - </t>
    </r>
    <r>
      <rPr>
        <b/>
        <i/>
        <sz val="9"/>
        <color theme="1"/>
        <rFont val="Arial"/>
        <family val="2"/>
      </rPr>
      <t>extracted from MapHub</t>
    </r>
  </si>
  <si>
    <r>
      <t xml:space="preserve">Physical Description of Location
</t>
    </r>
    <r>
      <rPr>
        <i/>
        <sz val="9"/>
        <color theme="1"/>
        <rFont val="Arial"/>
        <family val="2"/>
      </rPr>
      <t>[provide offsets from nearest side road or key landmark and locality, if applicable]</t>
    </r>
  </si>
  <si>
    <t>Is there a marae on the corridor?</t>
  </si>
  <si>
    <t>TECHNICAL ASSESSMENT PROPOSAL</t>
  </si>
  <si>
    <t>FINAL RECOMMENDATION FOR SPEED REVIEW</t>
  </si>
  <si>
    <r>
      <t xml:space="preserve">12.      SECONDARY APPROVAL FOR CONSULTATION
</t>
    </r>
    <r>
      <rPr>
        <sz val="9"/>
        <color rgb="FF000000"/>
        <rFont val="Arial"/>
        <family val="2"/>
      </rPr>
      <t xml:space="preserve">(This section is to be populated </t>
    </r>
    <r>
      <rPr>
        <b/>
        <sz val="9"/>
        <color rgb="FFFF0000"/>
        <rFont val="Arial"/>
        <family val="2"/>
      </rPr>
      <t>only if a secondary consultation is required</t>
    </r>
    <r>
      <rPr>
        <b/>
        <sz val="9"/>
        <color rgb="FF000000"/>
        <rFont val="Arial"/>
        <family val="2"/>
      </rPr>
      <t xml:space="preserve"> </t>
    </r>
    <r>
      <rPr>
        <sz val="9"/>
        <color rgb="FF000000"/>
        <rFont val="Arial"/>
        <family val="2"/>
      </rPr>
      <t xml:space="preserve">based on changes to proposed speeds or threshold locations </t>
    </r>
    <r>
      <rPr>
        <b/>
        <sz val="9"/>
        <color rgb="FF000000"/>
        <rFont val="Arial"/>
        <family val="2"/>
      </rPr>
      <t>post consultation</t>
    </r>
    <r>
      <rPr>
        <sz val="9"/>
        <color rgb="FF000000"/>
        <rFont val="Arial"/>
        <family val="2"/>
      </rPr>
      <t xml:space="preserve">. If changes have occurred pre consultation, this section is </t>
    </r>
    <r>
      <rPr>
        <b/>
        <sz val="9"/>
        <color rgb="FF000000"/>
        <rFont val="Arial"/>
        <family val="2"/>
      </rPr>
      <t>not required</t>
    </r>
    <r>
      <rPr>
        <sz val="9"/>
        <color rgb="FF000000"/>
        <rFont val="Arial"/>
        <family val="2"/>
      </rPr>
      <t xml:space="preserve"> and can be left blank)</t>
    </r>
  </si>
  <si>
    <t>INSERT MANUALLY HERE</t>
  </si>
  <si>
    <t>Speed Information (as it relates to each section of the identified corridor) is included in the Table in the Corridor Assessment Section</t>
  </si>
  <si>
    <t>Personal Risk</t>
  </si>
  <si>
    <t>Recommended Speed Limit 
(km/h)</t>
  </si>
  <si>
    <t>SPEED PROPOSAL FOR C&amp;E (POST VIABILITY)</t>
  </si>
  <si>
    <t>IMPORTANT - IF CONSULTATION HAS ALREADY OCCURRED AND SPEED CHANGES OR SIGNIFICANT THRESHOLD LOCATION CHANGES ARE REQUIRED, SIGN OFF FROM SYSTEM DESIGN LEAD IS REQUIRED TO APPROVE A SECOND CONSULTATION PERIOD. REFER TO SECTION 12 BELOW TO CAPTURE THIS SIGN OFF. NOTE THIS IS NOT REQUIRED IF NO CHANGES HAVE BEEN MADE</t>
  </si>
  <si>
    <r>
      <t xml:space="preserve">11.    Post External Engagement/Consultation Speed Limit Proposal to move to Speed Review Report
</t>
    </r>
    <r>
      <rPr>
        <b/>
        <sz val="11"/>
        <color rgb="FFFF0000"/>
        <rFont val="Arial"/>
        <family val="2"/>
      </rPr>
      <t xml:space="preserve">(PM to populate when completing the close out of the C&amp;E stages to identify proposal moving forward to Speed Review Report - </t>
    </r>
    <r>
      <rPr>
        <b/>
        <u/>
        <sz val="11"/>
        <color rgb="FFFF0000"/>
        <rFont val="Arial"/>
        <family val="2"/>
      </rPr>
      <t>only to be populated post C&amp;E activities - if no changes then data from Section 9.1 can be copied and pasted here</t>
    </r>
  </si>
  <si>
    <r>
      <t xml:space="preserve">Assessed DSI Savings </t>
    </r>
    <r>
      <rPr>
        <b/>
        <i/>
        <sz val="9"/>
        <rFont val="Arial"/>
        <family val="2"/>
      </rPr>
      <t>(calculated - do not use MM</t>
    </r>
    <r>
      <rPr>
        <b/>
        <sz val="9"/>
        <rFont val="Arial"/>
        <family val="2"/>
      </rPr>
      <t>)</t>
    </r>
  </si>
  <si>
    <t>Indicate increase or decrease in  travel time in second box</t>
  </si>
  <si>
    <t>Measures required (Infrastructure / line marking / threshold treatments etc )</t>
  </si>
  <si>
    <r>
      <t xml:space="preserve">Reasons proposed speed limit differs from SaAS </t>
    </r>
    <r>
      <rPr>
        <b/>
        <i/>
        <sz val="9"/>
        <color theme="1"/>
        <rFont val="Arial"/>
        <family val="2"/>
      </rPr>
      <t xml:space="preserve">(If not different, state no change) </t>
    </r>
    <r>
      <rPr>
        <b/>
        <sz val="9"/>
        <color theme="1"/>
        <rFont val="Arial"/>
        <family val="2"/>
      </rPr>
      <t>and any other comments</t>
    </r>
  </si>
  <si>
    <r>
      <t xml:space="preserve">Predicted DSI Savings [calculated using MM tool]
</t>
    </r>
    <r>
      <rPr>
        <b/>
        <i/>
        <sz val="9"/>
        <rFont val="Arial"/>
        <family val="2"/>
      </rPr>
      <t>Do not use existing MM values</t>
    </r>
  </si>
  <si>
    <r>
      <t xml:space="preserve">Assessed DSI Savings </t>
    </r>
    <r>
      <rPr>
        <b/>
        <i/>
        <sz val="9"/>
        <rFont val="Arial"/>
        <family val="2"/>
      </rPr>
      <t>(calculated - do not use existing MM values)</t>
    </r>
  </si>
  <si>
    <t>SH1 Spring Creek to Seddon and SH6 Blenheim Urban</t>
  </si>
  <si>
    <t>3.7.001</t>
  </si>
  <si>
    <t>Senior Safety Engineer</t>
  </si>
  <si>
    <t xml:space="preserve">Waka Kotahi </t>
  </si>
  <si>
    <t>.</t>
  </si>
  <si>
    <t>01S</t>
  </si>
  <si>
    <t>16A</t>
  </si>
  <si>
    <t>0018-B</t>
  </si>
  <si>
    <t>0028-B</t>
  </si>
  <si>
    <t>0043-B</t>
  </si>
  <si>
    <t>0000</t>
  </si>
  <si>
    <t>Rural state highway with a straight alignment, from Spring Creek to Grovetown</t>
  </si>
  <si>
    <t>Rural state highway with a straight alignment, from Grovetown to Blenheim</t>
  </si>
  <si>
    <t xml:space="preserve">Urban state highway with a curved alignment, new Ōpaoa River Bridge </t>
  </si>
  <si>
    <t>Urban state highway with a straight alignment, a commercial big box area of Blenheim</t>
  </si>
  <si>
    <t>Urban state highway with a curved alignment, an urban residential area of Blenheim</t>
  </si>
  <si>
    <t>Rural state highway with a curved alignment, between Blenheim and Riverlands</t>
  </si>
  <si>
    <t>Rural state highway with a curved alignment, Riverlands</t>
  </si>
  <si>
    <t>Rural state highway with a straight alignment, from Riverlands to Seddon</t>
  </si>
  <si>
    <t>Rural state highway with a curved alignment, from Riverlands to Seddon</t>
  </si>
  <si>
    <t>Rural state highway with a winding alignment, from Riverlands to Seddon</t>
  </si>
  <si>
    <t>Rural state highway with a curved alignment, a rural town area of Seddon with residential developments</t>
  </si>
  <si>
    <t>Rural state highway with a curved alignment, a rural town area of Seddon with shops and school nearby</t>
  </si>
  <si>
    <t>Urban state highway with a straight alignment, an urban residential area of Blenheim</t>
  </si>
  <si>
    <t>Existing Marlborough Girls' College School Zone VSL
Subsection of section 16</t>
  </si>
  <si>
    <t>Urban state highway with a straight alignment, an urban residential area of Blenheim with some commercial developments</t>
  </si>
  <si>
    <t>N</t>
  </si>
  <si>
    <t>Y</t>
  </si>
  <si>
    <t>40/50</t>
  </si>
  <si>
    <t>NA</t>
  </si>
  <si>
    <t xml:space="preserve">Section 1 has been assessed as 80km/h; however, given this section goes through a rural town area with some commercial activities where pedestrian movements are expected. </t>
  </si>
  <si>
    <t>Proposed speed limit does not differ from the assessed SaAS</t>
  </si>
  <si>
    <t xml:space="preserve">Section 4 has been assessed as 60km/h; however, 50km/h is recommended to provide transition to Section 5 where 50km/h is recommended. </t>
  </si>
  <si>
    <t xml:space="preserve">Section 9 has been assessed as 80km/h; however, given it is close to a major intersection with Alabama Road, a speed limit of 60km/h is recommended to provide a buffer for drivers in the decreasing direction to slow down before reaching out to the intersection. Besides, there is not enough space to place threshold signs (at least 10.5m between signs) near the intersection due to the railway and fences on both sides. </t>
  </si>
  <si>
    <t>Section 14 has been assessed as 60km/h. However, the section is undivided through a rural town area of Seddon with a curved alignment and moderate roadside hazards. Different from section 13, this section contains a few shops facing to the road, and there is a school nearby (Seddon School). Besides, there is a pedestrian access point in the town centre. Therefore, a few crossing movements are expected. A speed limit of 50km/h is recommended.</t>
  </si>
  <si>
    <t xml:space="preserve">Section 16 has been assessed as 60km/h. However, this section goes through an urban residential area in Blenheim, and there is a school nearby (Marlborough Girl's College). There are pedestrian refuges provided along the section, and frequent pedestrian movements are expected. Therefore, a speed limit of 50km/h is recommended. </t>
  </si>
  <si>
    <t>50/30</t>
  </si>
  <si>
    <t>change existing 40 VSL to 30VSL for colleges</t>
  </si>
  <si>
    <t xml:space="preserve">Name	Works / control 	Cost	Timing
Boost 3 intersections
SH6 Hutcheson Street
	Roundabout	Unknown	Scoped (draft)
Boost 3 intersections
SH1S Grove Road
Scoped (draft)
Boost 3 intersections
SH1S Stuart St
Planning
Boost 3 Corridors: SH1S - Spring Creek to Blenheim
Scoped (draft)
Boost 3 Corridors: SH1S - Blenheim to Seddon
Dropped
Road to Zero - Intersections 
SH1 Sinclair Street and Grove Road Intersection
Left in left out - $250,000 - NLTP 2
Road to Zero - Intersections 
SH6 Keiss Street and SH6 Intersection
Left in left out - $250,000 - NLTP 3
SH1 Alabama Road Intersection
ISZ (RIAWS) - $330,000 - NLTP 3
SH1 Malthouse Road and SH1 Intersection
ISZ (RIAWS) - $330,000 - NLTP 3
</t>
  </si>
  <si>
    <t>Road to Zero – Corridors
SH1 Spring Creek to Blenheim
Median barrier - $12,190,000 - NLTP 3
Infrastructure - Large Cor (Sep 2020): SH1 Blenheim to Seddon Safe System Enhancements - Weld Pass - 1.5m shoulders, median barrier, side barriers and a design speed of 90kph. This approach is for the Welds Pass corridor, starting at Seventeen Valley Stream (12km south of Blenheim) through to Utuwai Overpass (10km north of Seddon – approximately 4.5km. I believe this project is also covered in the last bullet point taken from the pipeline tool. Funding not yet achieved.</t>
  </si>
  <si>
    <t>01S-0018-B/4.797 - 01S-0018-B/5.825 (Section 2)</t>
  </si>
  <si>
    <t>01S-0018-B/5.825 - 01S-0018-B/7.632 (Section 2, 3)</t>
  </si>
  <si>
    <t>01S-0018-B/7.632 - 01S-0018-B/8.871 (Section 3)</t>
  </si>
  <si>
    <t>01S-0018-B/8.871 - 01S-0018-B/9.993 (Section 4, 5)</t>
  </si>
  <si>
    <t>01S-0028-B/0 - 01S-0028-B/0.592 (Section 5)</t>
  </si>
  <si>
    <t>01S-0028-B/0.592 -  01S-0028-B/1.558 (Section 6)</t>
  </si>
  <si>
    <t>01S-0028-B/1.558 - 01S-0028-B/2.514 (Section 7)</t>
  </si>
  <si>
    <t>01S-0028-B/2.514 - 01S-0028-B/3.101 (Section 8)</t>
  </si>
  <si>
    <t>01S-0028-B/3.101 - 01S-0028-B/6.164 (Section 9, 10)</t>
  </si>
  <si>
    <t>01S-0028-B/8.66 - 01S-0028-B/15.752 (Section 10, 11)</t>
  </si>
  <si>
    <t>01S-0043-B/0.324 - 01S-0043-B/3.883 (Section 12)</t>
  </si>
  <si>
    <t>01S-0043-B/3.883 - 01S-0043-B/9.368 (Section 12, 13, 14)</t>
  </si>
  <si>
    <t>006-0000-B/0 - 006-0000-B/2.225 (Section 15,16,17)</t>
  </si>
  <si>
    <t>006-0000-B/2.225 - 006-0000-B/2.714 (Section 17)</t>
  </si>
  <si>
    <t>006-0000-B/2.714 - 006-0000-B/3.717 (Section 17)</t>
  </si>
  <si>
    <t>Mobile Road (2019)</t>
  </si>
  <si>
    <t>more</t>
  </si>
  <si>
    <t xml:space="preserve">.1. Obtain the range of mean operating speed for each IRR segment from MegaMaps. 
2. Match the IRR segment with the proposed network section, given there may be several IRR segments in one network section. Record the length of the IRR segment in the network section.
3. Use weighted arithmetic mean to get the mean operating speed of each network section. 
4. Obtain the travel time by following the procedures of MegaMaps User and Interpretation Guide. </t>
  </si>
  <si>
    <t>Extracted from CAS system, refer to 'Site Details Crash Report' tab</t>
  </si>
  <si>
    <t>ATP markings to reduce head-on crash risk.</t>
  </si>
  <si>
    <t>Install 80km/h speed limit repeater signs on both sides of the Grovetown to raise drivers’ awareness.</t>
  </si>
  <si>
    <t xml:space="preserve">Remark the wide lanes to a narrow width, horizontal and vertical deflection and urban road furniture to make the proposed 40km/h more understandable. </t>
  </si>
  <si>
    <t>Residential zone with repeater speed limit signs to raise drivers’ awareness</t>
  </si>
  <si>
    <t>Remark the wide lanes to a narrow width, horizontal and vertical deflection and urban road furniture to make the proposed 40km/h more understandable.</t>
  </si>
  <si>
    <t>None</t>
  </si>
  <si>
    <t>Potential errors in the assessment that will need to be resolved during this phase</t>
  </si>
  <si>
    <t>Community acceptance of the proposal</t>
  </si>
  <si>
    <t>Alignment with the GPS focus area - high risk corridors and intersections</t>
  </si>
  <si>
    <t>Alignment with NZTA IPM and SNP investment criteria</t>
  </si>
  <si>
    <t>Use experienced panellists. Ensure the scope and required outputs are explained sufficiently</t>
  </si>
  <si>
    <t>Undertake well thought-out and considered engagement and consultation - good, better, best practice</t>
  </si>
  <si>
    <t>SMP focuses on the highest risk state highway corridors in the country</t>
  </si>
  <si>
    <t>Ensure that sufficient DSI reductions can be achieved through speed limit changes</t>
  </si>
  <si>
    <t>if all agreed, the map needs to be changed to reflect 50 in Section 4, and change of school VSL on SH6 from 40 to 30</t>
  </si>
  <si>
    <t xml:space="preserve">SNP concur with proposed changes overall. No sections proposed conflict with SNP's program.
At section 1, 2 and 3 - Safe System Transformation with median barrier is proposed. This is planned for NLTP2. One or two roundabouts are proposed to provide turn around facilities. WIth that in mind, a speed reduction of 80 km/hr is supported.
At section 4 to 12, speed management is proposed and will be conducted in NLTP1. Collectively, two LILO treatments (Section 5) and two sites with RIAWs (Section 8 and 10) are proposed.
At section 15, three intersections on SH06 have Safer Intersections proposed but are planned in NLTP4 so speed reduction proposed under Speed Management is adorsed.
Note: Section 13 and 14 are not included in the SNP Pipeline tool and no proposed works is prioritied.
Noted: Directly west of Section 17, At section 16 and 17, Safe System Transformation with median barrier is proposed. In addition two intersections (SH06/ Leonards and SH06/Kingsford Smith Ave) are proposed with Rural roundabout transformation. This is planned to be carried out in NLTP1.  
SNP Pipeline tool
</t>
  </si>
  <si>
    <t>Overall I support the proposal and think it will be generally accepted by public.  Truckies/AA are likley to be highly vocal around lack of infrastructure improvements to enable current speeds to be safe.  Specific comments:-
Section 5 - The section 5 table shows Proposed SaaS as 50, although everywhere else says 40.  Assuming 40 is desired change I am unsure how this will be recieved by general public
Section 12 - Support retaining 100, although we will need key messaging why this is staying 100, compared to Pelous to Renwick's 90 as seem similar and not consistent.</t>
  </si>
  <si>
    <t>17th May 2021</t>
  </si>
  <si>
    <t>Regional RMA Planner</t>
  </si>
  <si>
    <t xml:space="preserve">Section 1 - LAR, railway line and yard running parallel to the east (KiwiRail designation), limited crossings and Rural Environment zone to the west (except established Foursquare). Speed limit change not expected to encourage land use change as zoning and corridor characteristics not conducive to increased development. 
Section 2-3 - LAR. Largely rural zoning with residential at Grovetown on east side of highway. Speed limit change from 100km/hr to 80km/hr not considered to signal that an increase in development along or accessing the SH is more appropriate, proposals will still be assessed on their merits under resource consent and LAR process.    
Section 4 - Rural and Floodway zoning,  Ōpaoa Bridge, limited crossing places, so reduction to 40km/hr will not facilitate increased development or land use change.   
Section 5 - urban area, decrease to 40km/hr will not result in unintended land use changes. 
Sections  7-9 -  Largely rural zoning and LAR, change from 70km/hr to 60km/hr will not  signal that an increase in development along or accessing the SH is more appropriate. 
Section 11 - Rural zoning, LAR, decrease to 60km/hr for safety reasons will not signal that an increase in development along or accessing the SH is more appropriate.
</t>
  </si>
  <si>
    <t xml:space="preserve">Proposed speeds appear sensible based on surrounding environment and current operating speeds. 
Sections 10/11: There is a curved narrow bridge on the northern side of the Weld Pass. The drop to change between 80/60kmph should occur north of this bridge. 
Section 16: Co-location of Boys and Girls Colleges at the Blenheim Girls College will result in additional walking and cycling movements (there will be minimal provision for student car parking). The changes following co-location should be monitored and speeds reassessed if needed.  </t>
  </si>
  <si>
    <t>Area Programme Manager - Top of the South/Wellington/Manawatu-Whanganui (Interim)</t>
  </si>
  <si>
    <t>The speed changes being proposed appear to be in accordance with the Speed Management guide and will be great to soften some of the difficult conversations which Marlborough Roads will need to have as part of their network speed review over the next few years.  The 100km/h zone between Blenheim and Weld Pass may attract some criticism and enforcement issues due to the operating speed being much higher than 80km/h in places so careful engagement and enforcement will be needed. The reasoning for why the Weld Pass to Seddon section is being left at 100km/h rather than going to 90km/h (like the Havelock to Renwick corridor) will need to be carefully explained to the public as to the reasoning for the difference in speed limit. Have discussed this with Marlborough Roads and they are largely happy with the proposed speeds, however they question why the speed review can't extend north through Tuamarina where they get constant public requests for a speed drop to 60km/h, and then through to Picton (presumably dropping the speed limit from 100km/h to 80km/h) to make the whole corridor consistent. Similarly, Marlborough Roads think that 40km/h would be better suited (and more consistent with the other 40km/h zones proposed) through Seddon as it is a very popular stopping place with cafes, public toilets and people regularly crossing the road to get between them. One other point raised by Marlborough Roads was that the speed transition point for Seddon is currently too far south and would be better suited to be placed closer to town, with advanced warning signs for the speed threshold.</t>
  </si>
  <si>
    <t>Team Leader - Safety Engineer and Regional Safety Engineer</t>
  </si>
  <si>
    <t>I endorse this corridor based on the information provided in the report.</t>
  </si>
  <si>
    <t>√</t>
  </si>
  <si>
    <t>1680392,5409944</t>
  </si>
  <si>
    <t>1680343,5409348</t>
  </si>
  <si>
    <t>1680587,5407499</t>
  </si>
  <si>
    <t>1680401,5405501</t>
  </si>
  <si>
    <t>1680204,5405075</t>
  </si>
  <si>
    <t>1680714,5403825</t>
  </si>
  <si>
    <t>1681102,5403733</t>
  </si>
  <si>
    <t>1681816,5403249</t>
  </si>
  <si>
    <t>1682034,5402753</t>
  </si>
  <si>
    <t>1682584,5402580</t>
  </si>
  <si>
    <t>1686334,5397131</t>
  </si>
  <si>
    <t>1687542,5394305</t>
  </si>
  <si>
    <t>1689448,5386661</t>
  </si>
  <si>
    <t>1689391,5386082</t>
  </si>
  <si>
    <t>1689330,5385519</t>
  </si>
  <si>
    <t>1680051,5404401</t>
  </si>
  <si>
    <t>1679652,5404383</t>
  </si>
  <si>
    <t>1678482,5404325</t>
  </si>
  <si>
    <t>1679065,5404355</t>
  </si>
  <si>
    <t>1678635,5404332</t>
  </si>
  <si>
    <t>1677002,5404248</t>
  </si>
  <si>
    <t>Safe Systems Lead / Safe System Support</t>
  </si>
  <si>
    <t>I think this should be 40  - team talk needed!</t>
  </si>
  <si>
    <t>change VSL to 30 - increase in school size and number of peds</t>
  </si>
  <si>
    <t>IRR segments in the network section</t>
  </si>
  <si>
    <r>
      <t>5.</t>
    </r>
    <r>
      <rPr>
        <b/>
        <sz val="7"/>
        <color rgb="FF000000"/>
        <rFont val="Lucida Sans"/>
        <family val="2"/>
      </rPr>
      <t xml:space="preserve">     </t>
    </r>
    <r>
      <rPr>
        <b/>
        <sz val="9"/>
        <color rgb="FF000000"/>
        <rFont val="Lucida Sans"/>
        <family val="2"/>
      </rPr>
      <t>Technical Assessment Summary Table</t>
    </r>
  </si>
  <si>
    <t>Network 
Section 
No.</t>
  </si>
  <si>
    <t>IRR Segment 1</t>
  </si>
  <si>
    <t>Mean Operating Speeds (MageMaps Edition III)</t>
  </si>
  <si>
    <t>IRR Segment 2</t>
  </si>
  <si>
    <t>Mean Operating Speeds (Lower)</t>
  </si>
  <si>
    <t>IRR Segment 3</t>
  </si>
  <si>
    <t>Network 
Section
 No.</t>
  </si>
  <si>
    <t>Checked Length (km)</t>
  </si>
  <si>
    <t>Existing Posted Speed Limit 2 (km/h)</t>
  </si>
  <si>
    <t>Length of Existing Posted Speed Limit 2</t>
  </si>
  <si>
    <t>Existing Posted Speed Limit 3 (km/h)</t>
  </si>
  <si>
    <t>Length of Existing Posted Speed Limit 3</t>
  </si>
  <si>
    <t>Mean Operating Speeds</t>
  </si>
  <si>
    <t>Travel Time (Lower Bound) - 
Mean speed to proposed speed limit</t>
  </si>
  <si>
    <t>Travel Time (Upper Bound) - 
Current speed limit to proposed speed limit</t>
  </si>
  <si>
    <t>Start</t>
  </si>
  <si>
    <t>End</t>
  </si>
  <si>
    <t>01S_67654</t>
  </si>
  <si>
    <t>01S_67565</t>
  </si>
  <si>
    <t>01S-0018-B/4.290</t>
  </si>
  <si>
    <t>01S-0018-B/4.894</t>
  </si>
  <si>
    <t>01S-0018-B/6.800</t>
  </si>
  <si>
    <t>01S_67407</t>
  </si>
  <si>
    <t>01S-0018-B/8.825</t>
  </si>
  <si>
    <t>01S_67340</t>
  </si>
  <si>
    <t>01S-0018-B/9.300</t>
  </si>
  <si>
    <t>01S_67336</t>
  </si>
  <si>
    <t>01S_67649</t>
  </si>
  <si>
    <t>01S_67346</t>
  </si>
  <si>
    <t>01S-0028-B/1.220</t>
  </si>
  <si>
    <t>01S_67379</t>
  </si>
  <si>
    <t>01S-0028-B/1.637</t>
  </si>
  <si>
    <t>01S-0028-B/2.520</t>
  </si>
  <si>
    <t>01S-0028-B/3.080</t>
  </si>
  <si>
    <t>01S_67295</t>
  </si>
  <si>
    <t>01S-0028-B/3.658</t>
  </si>
  <si>
    <t>01S_2924</t>
  </si>
  <si>
    <t>01S-0028-B/12.105</t>
  </si>
  <si>
    <t>01S-0043-B/0</t>
  </si>
  <si>
    <t>01S_2925</t>
  </si>
  <si>
    <t>01S_67556</t>
  </si>
  <si>
    <t>01S-0043-B/8.180</t>
  </si>
  <si>
    <t>01S_67526</t>
  </si>
  <si>
    <t>01S-0043-B/8.875</t>
  </si>
  <si>
    <t>01S_67523</t>
  </si>
  <si>
    <t>01S-0043-B/9.606</t>
  </si>
  <si>
    <t>006_77123</t>
  </si>
  <si>
    <t>006_76344</t>
  </si>
  <si>
    <t>006-0000-B/0</t>
  </si>
  <si>
    <t>006-0000-B/0.400</t>
  </si>
  <si>
    <t>006-0000-B/1.572</t>
  </si>
  <si>
    <t>006_77126</t>
  </si>
  <si>
    <t>006_76570</t>
  </si>
  <si>
    <t>006-0000-B/3.060</t>
  </si>
  <si>
    <t>Sum</t>
  </si>
  <si>
    <t>seconds slower</t>
  </si>
  <si>
    <t>minutes slower</t>
  </si>
  <si>
    <t>Corridor Editor II SaAS</t>
  </si>
  <si>
    <t>Corridor Editor III SaAS</t>
  </si>
  <si>
    <t>Reason for change</t>
  </si>
  <si>
    <t>Section 1</t>
  </si>
  <si>
    <t>Consistent</t>
  </si>
  <si>
    <t>Section 2</t>
  </si>
  <si>
    <t>Section 3</t>
  </si>
  <si>
    <t>Section 4</t>
  </si>
  <si>
    <t>Section 5</t>
  </si>
  <si>
    <t>It is considered that Corridor Editor 2 gives the right SaAS. According to Speed Management Guide Table 2.1 (Urban Roads), for the segment with IRR band no higher than medium-high and commercial land use, the SaAS should be 40km/h.</t>
  </si>
  <si>
    <t>Section 6</t>
  </si>
  <si>
    <t>Section 7</t>
  </si>
  <si>
    <t>It is considered that Corridor Editor 2 gives the right SaAS. According to Speed Management Guide Table 2.2 (Rural Roads), for the segment with IRR band of High, the SaAS should be lower than 80km/h.</t>
  </si>
  <si>
    <t>Section 8</t>
  </si>
  <si>
    <t>It is considered that Corridor Editor 2 gives a more appropriate SaAS. According to Speed Management Guide Table 2.2 (Rural Roads), the SaAS should be 60km/h. It is because of its Class 1 ONRC, Personal Risk no more than medium and IRR band of Medium.</t>
  </si>
  <si>
    <t>Section 9</t>
  </si>
  <si>
    <t>Section 10</t>
  </si>
  <si>
    <t>Section 11</t>
  </si>
  <si>
    <t>Section 12</t>
  </si>
  <si>
    <t>Section 13</t>
  </si>
  <si>
    <t>It is considered that Corridor Editor 2 gives a more appropriate SaAS. Reason is the same as Section 8</t>
  </si>
  <si>
    <t>Section 14</t>
  </si>
  <si>
    <t>Section 15</t>
  </si>
  <si>
    <t>Speed Management Guide Table 2.1 was used when assessing the SaAS for this corridor. The SaAS for this segment should be 40km/h because of its land use of commercial big box.</t>
  </si>
  <si>
    <t>Section 16</t>
  </si>
  <si>
    <t>Section 17</t>
  </si>
  <si>
    <t xml:space="preserve">Section 2 </t>
  </si>
  <si>
    <t>A</t>
  </si>
  <si>
    <t>N1</t>
  </si>
  <si>
    <t>N2</t>
  </si>
  <si>
    <t>N3</t>
  </si>
  <si>
    <t>N4</t>
  </si>
  <si>
    <t>N5</t>
  </si>
  <si>
    <t>N6</t>
  </si>
  <si>
    <t>N7</t>
  </si>
  <si>
    <t>N8</t>
  </si>
  <si>
    <t>N8A</t>
  </si>
  <si>
    <t>N9</t>
  </si>
  <si>
    <t>0000-B</t>
  </si>
  <si>
    <t>Urban state highway with a straight alignment, a commercial big box of Picton</t>
  </si>
  <si>
    <t>Urban state highway with a curved alignment, Picton</t>
  </si>
  <si>
    <t>Urban state highway with a straight  alignment, Picton</t>
  </si>
  <si>
    <t>Rural state highway with a curved alignment between Picton and Koromiko</t>
  </si>
  <si>
    <t>Rural state highway with a straight and gentle alignment between Picton and Koromiko</t>
  </si>
  <si>
    <t>Rural state highway with a straight and gentle alignment through Koromiko which is a rural residential area with relatively more accesses than other rural residential sections</t>
  </si>
  <si>
    <t>Rural state highway with a curved alignment between Koromiko and Tuamarina</t>
  </si>
  <si>
    <t>Rural state highway with a curved alignment through Tuamarina which is a rural town</t>
  </si>
  <si>
    <t>Rural state highway with a straight alignment between Tuamarina and Spring Creek</t>
  </si>
  <si>
    <t>N/A</t>
  </si>
  <si>
    <t>The existing speed limit is 50km/h and should be retained given the urban residential land use and high access density.</t>
  </si>
  <si>
    <t>The current speed limit along this section is 50km/h. Although the section has a complicated intersection with rail crossing, the historical crash data does not show any outstanding safety issues along this section under the current speed limit. 
Given the above, 50km/h is considered more appropriate than 40km/h.</t>
  </si>
  <si>
    <t xml:space="preserve">A speed limit of 60km/h is recommended over 50km/h in this road environment. The speed limit of 50km/h is unlikely to get good compliance due to the rural town land use and low level of pedestrian activity. The current mean operating speed of the section is 75km/h – 80km/h. If a speed limit of 50km/h is proposed, new infrastructure, such as pedestrian refuge islands in the middle to create visual narrowing, streetlights and a footpath along the road with more accessways will be required to make the road environment self-explaining.  </t>
  </si>
  <si>
    <t>The speed limit along this section is proposed to be dropped from 80km/h to 60km/h due to the proposed speed limit of 60km/h for Section N8. No speed limit variable zone is proposed for this section because the school is on the side road. It is expected that the major activities around the school will be vehicle movements accessing Hunter Road for picking up and dropping off the students.</t>
  </si>
  <si>
    <t>01S-0000-B/0</t>
  </si>
  <si>
    <t>01S-0000-B/0.430</t>
  </si>
  <si>
    <t>01S_67582</t>
  </si>
  <si>
    <t>01S-0000-B/0.666</t>
  </si>
  <si>
    <t>01S-0000-B/2.008</t>
  </si>
  <si>
    <t>01S_67601</t>
  </si>
  <si>
    <t>01S-0000-B/5.290</t>
  </si>
  <si>
    <t>01S_67406</t>
  </si>
  <si>
    <t>01S-0000-B/6.682</t>
  </si>
  <si>
    <t>01S_2916</t>
  </si>
  <si>
    <t>01S-0000-B/7.830</t>
  </si>
  <si>
    <t>01S-0018-B/0.699</t>
  </si>
  <si>
    <t>01S-0018-B/1.407</t>
  </si>
  <si>
    <t>01S_67600</t>
  </si>
  <si>
    <t>01S_67821</t>
  </si>
  <si>
    <t>01S_67447</t>
  </si>
  <si>
    <t>01S_67546</t>
  </si>
  <si>
    <t>01S_67553</t>
  </si>
  <si>
    <t>01S_67816</t>
  </si>
  <si>
    <t>01S_67555</t>
  </si>
  <si>
    <t>01S_67307</t>
  </si>
  <si>
    <t>01S_67513</t>
  </si>
  <si>
    <t>3.2 mins slower</t>
  </si>
  <si>
    <t>7.1 mins slower</t>
  </si>
  <si>
    <t>N4-N7</t>
  </si>
  <si>
    <t>Intersection warning sign improvements at Bush Road</t>
  </si>
  <si>
    <t>ATP markings to reduce head-on crash risk and speed limit repeater signs</t>
  </si>
  <si>
    <t>01S-0000-B/0 - 01S-0000-B/1.731 (Section N1 - N3)</t>
  </si>
  <si>
    <t>01S-0000-B/1.731 - 01S-0018-B/0.930 (Section N4 - N7)</t>
  </si>
  <si>
    <t>01S-0018-B/0.930 - 01S-0018-B/4.797 (Section N8-N9 and 1)</t>
  </si>
  <si>
    <t>National Strategic - SH1 (01S-0000-B/0.000 - 01S-0043-B/9.606)
Regional Strategic - SH6 (006-0000-B/0 - 006-0000-B/3.060)</t>
  </si>
  <si>
    <t>01S-0000-B/2.067 - 01S-0000-B/2.564: Challenging Conversations (Section N4)
01S-0000-B/16.560 - 01S-0018-B/0.699: Challenging Conversations (Section N7)
01S-0018-B/0.930 - 01S-0018-B/1.407: Challenging Conversations (Section N8)
01S-0018-B/4.884 -01S-0018-B/8.186: Engineer up - Safe System Transformation (Section 2, 3)
006-0000-B/0 - 01S-0028-B/1.110: Challenging Conversations (Section 5)
01S-0028-B/3.659 - 01S-0043-B/7169: Challenging Conversations (Section 10, 11, 12)</t>
  </si>
  <si>
    <t>1684156, 5428774</t>
  </si>
  <si>
    <t>1684214, 5428353</t>
  </si>
  <si>
    <t>1684133, 5428146</t>
  </si>
  <si>
    <t>1683284, 5427201</t>
  </si>
  <si>
    <t>1681357, 5424776</t>
  </si>
  <si>
    <t>1680798, 5423505</t>
  </si>
  <si>
    <t>1680203, 5422524</t>
  </si>
  <si>
    <t>1680207, 5413410</t>
  </si>
  <si>
    <t>1680528, 5412795</t>
  </si>
  <si>
    <t>1680370, 5413091</t>
  </si>
  <si>
    <t>1680494, 5412885</t>
  </si>
  <si>
    <t>Existing Tua Marina School Zone with active LED school warning signs
Subsection of section N8</t>
  </si>
  <si>
    <r>
      <t>Mean Operating Speeds (</t>
    </r>
    <r>
      <rPr>
        <b/>
        <i/>
        <sz val="9"/>
        <color theme="1"/>
        <rFont val="Arial"/>
        <family val="2"/>
      </rPr>
      <t>Specify Source - MM)</t>
    </r>
  </si>
  <si>
    <t>Low-Medium</t>
  </si>
  <si>
    <t>Low</t>
  </si>
  <si>
    <t>Medium</t>
  </si>
  <si>
    <t>High</t>
  </si>
  <si>
    <t>Section N9</t>
  </si>
  <si>
    <t>Section N8</t>
  </si>
  <si>
    <t>Section N7</t>
  </si>
  <si>
    <t>Section N6</t>
  </si>
  <si>
    <t>Section N5</t>
  </si>
  <si>
    <t>Section N4</t>
  </si>
  <si>
    <t>Collective Risk</t>
  </si>
  <si>
    <t>60km/h</t>
  </si>
  <si>
    <t>SaAS:</t>
  </si>
  <si>
    <t>Q</t>
  </si>
  <si>
    <t>Personal Risk:</t>
  </si>
  <si>
    <t>P</t>
  </si>
  <si>
    <t>Collective Risk:</t>
  </si>
  <si>
    <t>The Collective Risk and Personal Risk is calcualted using Determing Safety Risk Practitioners Spreadsheet</t>
  </si>
  <si>
    <t>M</t>
  </si>
  <si>
    <t>L</t>
  </si>
  <si>
    <t>IRR band:</t>
  </si>
  <si>
    <t>K</t>
  </si>
  <si>
    <t>IRR score:</t>
  </si>
  <si>
    <t>J</t>
  </si>
  <si>
    <t>H</t>
  </si>
  <si>
    <t>G</t>
  </si>
  <si>
    <t>F</t>
  </si>
  <si>
    <t>E</t>
  </si>
  <si>
    <t>D</t>
  </si>
  <si>
    <t>C</t>
  </si>
  <si>
    <t>B</t>
  </si>
  <si>
    <t>Estimated Dsi</t>
  </si>
  <si>
    <t>Number of Injury Crashes</t>
  </si>
  <si>
    <t>Crash Movement</t>
  </si>
  <si>
    <t>Crash History (MegaMaps)</t>
  </si>
  <si>
    <t>Traffic Volume</t>
  </si>
  <si>
    <t>National Strategic</t>
  </si>
  <si>
    <t>ONRC</t>
  </si>
  <si>
    <t>End Year</t>
  </si>
  <si>
    <t>50km/h</t>
  </si>
  <si>
    <t>Speed Limit</t>
  </si>
  <si>
    <t>Start Year</t>
  </si>
  <si>
    <t>20+ per km</t>
  </si>
  <si>
    <t>Access Density</t>
  </si>
  <si>
    <t>Number of years in crash analysis period</t>
  </si>
  <si>
    <t>Crash Analysis Period</t>
  </si>
  <si>
    <t>5 to &lt;10 per km</t>
  </si>
  <si>
    <t>Intersection Density</t>
  </si>
  <si>
    <t>Urban Residential</t>
  </si>
  <si>
    <t>Land Use</t>
  </si>
  <si>
    <t>Moderate</t>
  </si>
  <si>
    <t>Roadside hazards Direction B</t>
  </si>
  <si>
    <t>Roadside hazards Direction A</t>
  </si>
  <si>
    <t>1.0m to &lt;2.0m - Wide</t>
  </si>
  <si>
    <t>Shoulder width</t>
  </si>
  <si>
    <t>Urban</t>
  </si>
  <si>
    <t>Speed Environment</t>
  </si>
  <si>
    <t>&gt;3.5m - Wide</t>
  </si>
  <si>
    <t>Lane Width</t>
  </si>
  <si>
    <t>Two-Lane, Two-Way</t>
  </si>
  <si>
    <t>Straight</t>
  </si>
  <si>
    <t>Alignment</t>
  </si>
  <si>
    <t>Two lane undivided</t>
  </si>
  <si>
    <t>Road Stereotyp</t>
  </si>
  <si>
    <t>Corridor</t>
  </si>
  <si>
    <t>Road Type</t>
  </si>
  <si>
    <t>Risk Score (IRR Manual)</t>
  </si>
  <si>
    <t>Custom Value</t>
  </si>
  <si>
    <t>Speed Management SH1S Picton - Section N3</t>
  </si>
  <si>
    <t>Project Name</t>
  </si>
  <si>
    <t>The corridor editor tool does not work for this section, so the calculation is carried out</t>
  </si>
  <si>
    <t>Collective Risk and Personal Risk Calculation for Section N3</t>
  </si>
  <si>
    <t>Section N3</t>
  </si>
  <si>
    <t>Section N2</t>
  </si>
  <si>
    <t>Section N1</t>
  </si>
  <si>
    <r>
      <t xml:space="preserve">Personal Risk Safety metric
</t>
    </r>
    <r>
      <rPr>
        <b/>
        <i/>
        <sz val="9"/>
        <color theme="1"/>
        <rFont val="Arial"/>
        <family val="2"/>
      </rPr>
      <t>(Specify Source - Calculated by using MM)</t>
    </r>
  </si>
  <si>
    <t>IRR Segment 4</t>
  </si>
  <si>
    <t xml:space="preserve"> (UCL)</t>
  </si>
  <si>
    <t xml:space="preserve"> (NZT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numFmts count="7">
    <numFmt numFmtId="43" formatCode="_-* #,##0.00_-;\-* #,##0.00_-;_-* &quot;-&quot;??_-;_-@_-"/>
    <numFmt numFmtId="164" formatCode="0.0"/>
    <numFmt numFmtId="165" formatCode="[$-1409]d\ mmmm\ yyyy;@"/>
    <numFmt numFmtId="166" formatCode="0.000"/>
    <numFmt numFmtId="167" formatCode="0.0%"/>
    <numFmt numFmtId="168" formatCode="#,##0.0_ ;\-#,##0.0\ "/>
    <numFmt numFmtId="169" formatCode="#,##0.00_ ;\-#,##0.00\ "/>
  </numFmts>
  <fonts count="61" x14ac:knownFonts="1">
    <font>
      <sz val="11"/>
      <color theme="1"/>
      <name val="Calibri"/>
      <family val="2"/>
      <scheme val="minor"/>
    </font>
    <font>
      <b/>
      <sz val="9"/>
      <color rgb="FF000000"/>
      <name val="Lucida Sans"/>
      <family val="2"/>
    </font>
    <font>
      <sz val="9"/>
      <color theme="1"/>
      <name val="Arial"/>
      <family val="2"/>
    </font>
    <font>
      <b/>
      <sz val="9"/>
      <color rgb="FF000000"/>
      <name val="Arial"/>
      <family val="2"/>
    </font>
    <font>
      <b/>
      <sz val="9"/>
      <color rgb="FF2575AE"/>
      <name val="Arial"/>
      <family val="2"/>
    </font>
    <font>
      <sz val="9"/>
      <color rgb="FF000000"/>
      <name val="Arial"/>
      <family val="2"/>
    </font>
    <font>
      <sz val="9"/>
      <color rgb="FF2575AE"/>
      <name val="Arial"/>
      <family val="2"/>
    </font>
    <font>
      <b/>
      <sz val="9"/>
      <color theme="1"/>
      <name val="Arial"/>
      <family val="2"/>
    </font>
    <font>
      <b/>
      <sz val="9"/>
      <name val="Arial"/>
      <family val="2"/>
    </font>
    <font>
      <sz val="9"/>
      <name val="Arial"/>
      <family val="2"/>
    </font>
    <font>
      <b/>
      <sz val="11"/>
      <color theme="1"/>
      <name val="Calibri"/>
      <family val="2"/>
      <scheme val="minor"/>
    </font>
    <font>
      <sz val="10"/>
      <color theme="1"/>
      <name val="Lucida Sans"/>
      <family val="2"/>
    </font>
    <font>
      <sz val="12"/>
      <color theme="1"/>
      <name val="Lucida Sans"/>
      <family val="2"/>
    </font>
    <font>
      <b/>
      <i/>
      <sz val="9"/>
      <color theme="1"/>
      <name val="Arial"/>
      <family val="2"/>
    </font>
    <font>
      <i/>
      <sz val="9"/>
      <color theme="1"/>
      <name val="Arial"/>
      <family val="2"/>
    </font>
    <font>
      <b/>
      <sz val="9"/>
      <color rgb="FFFF0000"/>
      <name val="Arial"/>
      <family val="2"/>
    </font>
    <font>
      <b/>
      <u/>
      <sz val="9"/>
      <color rgb="FFFF0000"/>
      <name val="Arial"/>
      <family val="2"/>
    </font>
    <font>
      <sz val="10"/>
      <color rgb="FF262626"/>
      <name val="Arial"/>
      <family val="2"/>
    </font>
    <font>
      <b/>
      <sz val="10"/>
      <color rgb="FFFFFFFF"/>
      <name val="Arial"/>
      <family val="2"/>
    </font>
    <font>
      <b/>
      <sz val="10"/>
      <color rgb="FFFFFFFF"/>
      <name val="Whitney Book"/>
      <family val="3"/>
    </font>
    <font>
      <i/>
      <sz val="8"/>
      <color theme="1"/>
      <name val="Lucida Sans"/>
      <family val="2"/>
    </font>
    <font>
      <sz val="10"/>
      <color rgb="FF000000"/>
      <name val="Arial"/>
      <family val="2"/>
    </font>
    <font>
      <sz val="10"/>
      <color rgb="FFFF0000"/>
      <name val="Arial"/>
      <family val="2"/>
    </font>
    <font>
      <b/>
      <sz val="10"/>
      <name val="Arial"/>
      <family val="2"/>
    </font>
    <font>
      <i/>
      <sz val="10"/>
      <name val="Arial"/>
      <family val="2"/>
    </font>
    <font>
      <sz val="10"/>
      <name val="Arial"/>
      <family val="2"/>
    </font>
    <font>
      <i/>
      <sz val="9"/>
      <color theme="1"/>
      <name val="Lucida Sans"/>
      <family val="2"/>
    </font>
    <font>
      <i/>
      <sz val="12"/>
      <color theme="1"/>
      <name val="Lucida Sans"/>
      <family val="2"/>
    </font>
    <font>
      <sz val="9"/>
      <color rgb="FF000000"/>
      <name val="Lucida Sans"/>
      <family val="2"/>
    </font>
    <font>
      <i/>
      <sz val="9"/>
      <color rgb="FFFF0000"/>
      <name val="Arial"/>
      <family val="2"/>
    </font>
    <font>
      <b/>
      <sz val="12"/>
      <color theme="1"/>
      <name val="Arial"/>
      <family val="2"/>
    </font>
    <font>
      <b/>
      <i/>
      <sz val="9"/>
      <name val="Arial"/>
      <family val="2"/>
    </font>
    <font>
      <b/>
      <i/>
      <sz val="9"/>
      <color rgb="FF000000"/>
      <name val="Arial"/>
      <family val="2"/>
    </font>
    <font>
      <b/>
      <sz val="11"/>
      <color rgb="FFFF0000"/>
      <name val="Arial"/>
      <family val="2"/>
    </font>
    <font>
      <b/>
      <u/>
      <sz val="11"/>
      <color rgb="FFFF0000"/>
      <name val="Arial"/>
      <family val="2"/>
    </font>
    <font>
      <b/>
      <sz val="11"/>
      <color rgb="FF000000"/>
      <name val="Arial"/>
      <family val="2"/>
    </font>
    <font>
      <b/>
      <sz val="12"/>
      <color theme="1"/>
      <name val="Lucida Sans"/>
      <family val="2"/>
    </font>
    <font>
      <b/>
      <sz val="14"/>
      <color rgb="FFFF0000"/>
      <name val="Arial"/>
      <family val="2"/>
    </font>
    <font>
      <sz val="11"/>
      <color theme="1"/>
      <name val="Calibri"/>
      <family val="2"/>
      <scheme val="minor"/>
    </font>
    <font>
      <u/>
      <sz val="11"/>
      <color theme="10"/>
      <name val="Calibri"/>
      <family val="2"/>
      <scheme val="minor"/>
    </font>
    <font>
      <sz val="8"/>
      <color rgb="FF000000"/>
      <name val="Arial"/>
      <family val="2"/>
    </font>
    <font>
      <sz val="8"/>
      <name val="Calibri"/>
      <family val="2"/>
      <scheme val="minor"/>
    </font>
    <font>
      <sz val="8"/>
      <color theme="1"/>
      <name val="Arial"/>
      <family val="2"/>
    </font>
    <font>
      <sz val="9"/>
      <color rgb="FFFF0000"/>
      <name val="Arial"/>
      <family val="2"/>
    </font>
    <font>
      <b/>
      <sz val="9"/>
      <color theme="1"/>
      <name val="Lucida Sans"/>
      <family val="2"/>
    </font>
    <font>
      <b/>
      <sz val="7"/>
      <color rgb="FF000000"/>
      <name val="Lucida Sans"/>
      <family val="2"/>
    </font>
    <font>
      <sz val="11"/>
      <color theme="1"/>
      <name val="Lucida Sans"/>
      <family val="2"/>
    </font>
    <font>
      <sz val="8"/>
      <color theme="1"/>
      <name val="Lucida Sans"/>
      <family val="2"/>
    </font>
    <font>
      <b/>
      <sz val="8"/>
      <color rgb="FF000000"/>
      <name val="Lucida Sans"/>
      <family val="2"/>
    </font>
    <font>
      <sz val="9"/>
      <color theme="1"/>
      <name val="Lucida Sans"/>
      <family val="2"/>
    </font>
    <font>
      <sz val="10"/>
      <color theme="1"/>
      <name val="Calibri"/>
      <family val="2"/>
      <scheme val="minor"/>
    </font>
    <font>
      <b/>
      <sz val="8"/>
      <color theme="1"/>
      <name val="Lucida Sans"/>
      <family val="2"/>
    </font>
    <font>
      <sz val="9"/>
      <color theme="1"/>
      <name val="Calibri"/>
      <family val="2"/>
      <scheme val="minor"/>
    </font>
    <font>
      <sz val="8"/>
      <color rgb="FF000000"/>
      <name val="Lucida Sans"/>
      <family val="2"/>
    </font>
    <font>
      <sz val="8"/>
      <name val="Lucida Sans"/>
      <family val="2"/>
    </font>
    <font>
      <b/>
      <sz val="11"/>
      <color theme="1"/>
      <name val="Lucida Sans"/>
      <family val="2"/>
    </font>
    <font>
      <sz val="8"/>
      <color theme="1"/>
      <name val="Calibri"/>
      <family val="2"/>
      <scheme val="minor"/>
    </font>
    <font>
      <b/>
      <sz val="11"/>
      <color rgb="FFFF0000"/>
      <name val="Calibri"/>
      <family val="2"/>
      <scheme val="minor"/>
    </font>
    <font>
      <b/>
      <sz val="8"/>
      <color rgb="FF000000"/>
      <name val="Lucida Sans"/>
      <family val="2"/>
    </font>
    <font>
      <b/>
      <sz val="10"/>
      <color theme="1"/>
      <name val="Calibri"/>
      <family val="2"/>
      <scheme val="minor"/>
    </font>
    <font>
      <i/>
      <sz val="8"/>
      <color theme="1"/>
      <name val="Calibri"/>
      <family val="2"/>
      <scheme val="minor"/>
    </font>
  </fonts>
  <fills count="14">
    <fill>
      <patternFill patternType="none"/>
    </fill>
    <fill>
      <patternFill patternType="gray125"/>
    </fill>
    <fill>
      <patternFill patternType="solid">
        <fgColor theme="0"/>
        <bgColor indexed="64"/>
      </patternFill>
    </fill>
    <fill>
      <patternFill patternType="solid">
        <fgColor theme="7" tint="0.79998168889431442"/>
        <bgColor indexed="64"/>
      </patternFill>
    </fill>
    <fill>
      <patternFill patternType="solid">
        <fgColor theme="0" tint="-4.9989318521683403E-2"/>
        <bgColor indexed="64"/>
      </patternFill>
    </fill>
    <fill>
      <patternFill patternType="solid">
        <fgColor theme="9" tint="0.79998168889431442"/>
        <bgColor indexed="64"/>
      </patternFill>
    </fill>
    <fill>
      <patternFill patternType="solid">
        <fgColor theme="0" tint="-0.14999847407452621"/>
        <bgColor indexed="64"/>
      </patternFill>
    </fill>
    <fill>
      <patternFill patternType="solid">
        <fgColor rgb="FFFED4F2"/>
        <bgColor indexed="64"/>
      </patternFill>
    </fill>
    <fill>
      <patternFill patternType="solid">
        <fgColor rgb="FF00456A"/>
        <bgColor indexed="64"/>
      </patternFill>
    </fill>
    <fill>
      <patternFill patternType="solid">
        <fgColor rgb="FFFFFFFF"/>
        <bgColor indexed="64"/>
      </patternFill>
    </fill>
    <fill>
      <patternFill patternType="solid">
        <fgColor theme="2" tint="-9.9978637043366805E-2"/>
        <bgColor indexed="64"/>
      </patternFill>
    </fill>
    <fill>
      <patternFill patternType="solid">
        <fgColor theme="2"/>
        <bgColor indexed="64"/>
      </patternFill>
    </fill>
    <fill>
      <patternFill patternType="solid">
        <fgColor rgb="FFFFFFCC"/>
        <bgColor indexed="64"/>
      </patternFill>
    </fill>
    <fill>
      <patternFill patternType="solid">
        <fgColor rgb="FFFFFF00"/>
        <bgColor indexed="64"/>
      </patternFill>
    </fill>
  </fills>
  <borders count="34">
    <border>
      <left/>
      <right/>
      <top/>
      <bottom/>
      <diagonal/>
    </border>
    <border>
      <left/>
      <right style="thin">
        <color indexed="64"/>
      </right>
      <top/>
      <bottom style="double">
        <color indexed="64"/>
      </bottom>
      <diagonal/>
    </border>
    <border>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double">
        <color indexed="64"/>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bottom style="thin">
        <color indexed="64"/>
      </bottom>
      <diagonal/>
    </border>
    <border>
      <left style="double">
        <color indexed="64"/>
      </left>
      <right style="thin">
        <color theme="1" tint="0.499984740745262"/>
      </right>
      <top style="thin">
        <color indexed="64"/>
      </top>
      <bottom style="medium">
        <color indexed="64"/>
      </bottom>
      <diagonal/>
    </border>
    <border>
      <left style="thin">
        <color theme="1" tint="0.499984740745262"/>
      </left>
      <right style="thin">
        <color theme="1" tint="0.499984740745262"/>
      </right>
      <top style="thin">
        <color indexed="64"/>
      </top>
      <bottom style="medium">
        <color indexed="64"/>
      </bottom>
      <diagonal/>
    </border>
    <border>
      <left style="thin">
        <color theme="1" tint="0.499984740745262"/>
      </left>
      <right/>
      <top style="thin">
        <color indexed="64"/>
      </top>
      <bottom style="medium">
        <color indexed="64"/>
      </bottom>
      <diagonal/>
    </border>
    <border>
      <left style="thin">
        <color indexed="64"/>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theme="1" tint="0.499984740745262"/>
      </left>
      <right style="thin">
        <color indexed="64"/>
      </right>
      <top style="thin">
        <color indexed="64"/>
      </top>
      <bottom style="medium">
        <color indexed="64"/>
      </bottom>
      <diagonal/>
    </border>
    <border>
      <left style="medium">
        <color indexed="64"/>
      </left>
      <right/>
      <top/>
      <bottom style="thin">
        <color indexed="64"/>
      </bottom>
      <diagonal/>
    </border>
    <border>
      <left/>
      <right style="thin">
        <color theme="1" tint="0.499984740745262"/>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top/>
      <bottom/>
      <diagonal/>
    </border>
  </borders>
  <cellStyleXfs count="5">
    <xf numFmtId="0" fontId="0" fillId="0" borderId="0"/>
    <xf numFmtId="0" fontId="11" fillId="0" borderId="0"/>
    <xf numFmtId="9" fontId="38" fillId="0" borderId="0" applyFont="0" applyFill="0" applyBorder="0" applyAlignment="0" applyProtection="0"/>
    <xf numFmtId="0" fontId="39" fillId="0" borderId="0" applyNumberFormat="0" applyFill="0" applyBorder="0" applyAlignment="0" applyProtection="0"/>
    <xf numFmtId="43" fontId="38" fillId="0" borderId="0" applyFont="0" applyFill="0" applyBorder="0" applyAlignment="0" applyProtection="0"/>
  </cellStyleXfs>
  <cellXfs count="432">
    <xf numFmtId="0" fontId="0" fillId="0" borderId="0" xfId="0"/>
    <xf numFmtId="0" fontId="0" fillId="0" borderId="0" xfId="0" applyAlignment="1">
      <alignment horizontal="center"/>
    </xf>
    <xf numFmtId="14" fontId="0" fillId="0" borderId="0" xfId="0" applyNumberFormat="1" applyAlignment="1">
      <alignment horizontal="center"/>
    </xf>
    <xf numFmtId="0" fontId="0" fillId="0" borderId="0" xfId="0" applyAlignment="1">
      <alignment horizontal="left"/>
    </xf>
    <xf numFmtId="14" fontId="0" fillId="0" borderId="4" xfId="0" applyNumberFormat="1" applyBorder="1" applyAlignment="1">
      <alignment horizontal="center"/>
    </xf>
    <xf numFmtId="164" fontId="0" fillId="0" borderId="4" xfId="0" applyNumberFormat="1" applyBorder="1" applyAlignment="1">
      <alignment horizontal="left"/>
    </xf>
    <xf numFmtId="0" fontId="0" fillId="0" borderId="4" xfId="0" applyBorder="1" applyAlignment="1">
      <alignment horizontal="center"/>
    </xf>
    <xf numFmtId="0" fontId="0" fillId="0" borderId="4" xfId="0" applyBorder="1" applyAlignment="1">
      <alignment horizontal="left"/>
    </xf>
    <xf numFmtId="0" fontId="10" fillId="6" borderId="4" xfId="0" applyFont="1" applyFill="1" applyBorder="1" applyAlignment="1">
      <alignment horizontal="center"/>
    </xf>
    <xf numFmtId="0" fontId="10" fillId="6" borderId="4" xfId="0" applyFont="1" applyFill="1" applyBorder="1" applyAlignment="1">
      <alignment horizontal="left"/>
    </xf>
    <xf numFmtId="0" fontId="3" fillId="2" borderId="0" xfId="0" applyFont="1" applyFill="1" applyAlignment="1" applyProtection="1">
      <alignment vertical="center" wrapText="1"/>
      <protection locked="0"/>
    </xf>
    <xf numFmtId="0" fontId="3" fillId="0" borderId="9" xfId="0" applyFont="1" applyBorder="1" applyAlignment="1" applyProtection="1">
      <alignment vertical="center" wrapText="1"/>
      <protection locked="0"/>
    </xf>
    <xf numFmtId="0" fontId="3" fillId="0" borderId="4" xfId="0" applyFont="1" applyBorder="1" applyAlignment="1" applyProtection="1">
      <alignment horizontal="left" vertical="center" wrapText="1"/>
      <protection locked="0"/>
    </xf>
    <xf numFmtId="0" fontId="8" fillId="0" borderId="4" xfId="0" applyFont="1" applyBorder="1" applyAlignment="1" applyProtection="1">
      <alignment horizontal="left" vertical="center" wrapText="1"/>
      <protection locked="0"/>
    </xf>
    <xf numFmtId="0" fontId="8" fillId="2" borderId="4" xfId="0" applyFont="1" applyFill="1" applyBorder="1" applyAlignment="1" applyProtection="1">
      <alignment horizontal="left" vertical="center" wrapText="1"/>
      <protection locked="0"/>
    </xf>
    <xf numFmtId="0" fontId="3" fillId="2" borderId="5" xfId="0" applyFont="1" applyFill="1" applyBorder="1" applyAlignment="1" applyProtection="1">
      <alignment horizontal="center" vertical="center" wrapText="1"/>
      <protection locked="0"/>
    </xf>
    <xf numFmtId="0" fontId="3" fillId="2" borderId="0" xfId="0" applyFont="1" applyFill="1" applyBorder="1" applyAlignment="1" applyProtection="1">
      <alignment horizontal="center" vertical="center" wrapText="1"/>
      <protection locked="0"/>
    </xf>
    <xf numFmtId="0" fontId="0" fillId="0" borderId="4" xfId="0" quotePrefix="1" applyBorder="1" applyAlignment="1">
      <alignment horizontal="center"/>
    </xf>
    <xf numFmtId="1" fontId="0" fillId="0" borderId="4" xfId="0" applyNumberFormat="1" applyBorder="1" applyAlignment="1">
      <alignment horizontal="center"/>
    </xf>
    <xf numFmtId="0" fontId="12" fillId="0" borderId="0" xfId="1" applyFont="1"/>
    <xf numFmtId="0" fontId="6" fillId="2" borderId="0" xfId="0" applyFont="1" applyFill="1" applyBorder="1" applyAlignment="1" applyProtection="1">
      <alignment vertical="center" wrapText="1"/>
      <protection locked="0"/>
    </xf>
    <xf numFmtId="0" fontId="0" fillId="0" borderId="4" xfId="0" applyBorder="1" applyAlignment="1">
      <alignment horizontal="left" wrapText="1"/>
    </xf>
    <xf numFmtId="0" fontId="3" fillId="0" borderId="15" xfId="0" applyFont="1" applyBorder="1" applyAlignment="1" applyProtection="1">
      <alignment horizontal="left" vertical="center" wrapText="1"/>
      <protection locked="0"/>
    </xf>
    <xf numFmtId="0" fontId="8" fillId="2" borderId="26" xfId="0" applyFont="1" applyFill="1" applyBorder="1" applyAlignment="1" applyProtection="1">
      <alignment horizontal="left" vertical="center" wrapText="1"/>
      <protection locked="0"/>
    </xf>
    <xf numFmtId="0" fontId="8" fillId="0" borderId="15" xfId="0" applyFont="1" applyBorder="1" applyAlignment="1" applyProtection="1">
      <alignment horizontal="left" vertical="center" wrapText="1"/>
      <protection locked="0"/>
    </xf>
    <xf numFmtId="0" fontId="13" fillId="0" borderId="1" xfId="0" applyFont="1" applyBorder="1" applyAlignment="1" applyProtection="1">
      <alignment vertical="top" wrapText="1"/>
      <protection locked="0"/>
    </xf>
    <xf numFmtId="0" fontId="14" fillId="0" borderId="2" xfId="0" applyFont="1" applyBorder="1" applyAlignment="1" applyProtection="1">
      <alignment vertical="top" wrapText="1"/>
      <protection locked="0"/>
    </xf>
    <xf numFmtId="0" fontId="13" fillId="0" borderId="2" xfId="0" applyFont="1" applyBorder="1" applyAlignment="1" applyProtection="1">
      <alignment vertical="top" wrapText="1"/>
      <protection locked="0"/>
    </xf>
    <xf numFmtId="164" fontId="0" fillId="0" borderId="4" xfId="0" applyNumberFormat="1" applyBorder="1" applyAlignment="1">
      <alignment horizontal="center"/>
    </xf>
    <xf numFmtId="0" fontId="0" fillId="0" borderId="4" xfId="0" applyBorder="1" applyAlignment="1">
      <alignment horizontal="center" wrapText="1"/>
    </xf>
    <xf numFmtId="0" fontId="14" fillId="0" borderId="0" xfId="0" applyFont="1" applyBorder="1" applyAlignment="1" applyProtection="1">
      <alignment horizontal="left" vertical="top" wrapText="1"/>
      <protection locked="0"/>
    </xf>
    <xf numFmtId="0" fontId="14" fillId="0" borderId="0" xfId="0" applyFont="1" applyBorder="1" applyAlignment="1" applyProtection="1">
      <alignment vertical="top" wrapText="1"/>
      <protection locked="0"/>
    </xf>
    <xf numFmtId="0" fontId="18" fillId="8" borderId="4" xfId="0" applyFont="1" applyFill="1" applyBorder="1" applyAlignment="1">
      <alignment horizontal="center" vertical="center" wrapText="1"/>
    </xf>
    <xf numFmtId="0" fontId="19" fillId="8" borderId="4" xfId="0" applyFont="1" applyFill="1" applyBorder="1" applyAlignment="1">
      <alignment horizontal="center" vertical="center" wrapText="1"/>
    </xf>
    <xf numFmtId="0" fontId="17" fillId="0" borderId="4" xfId="0" applyFont="1" applyFill="1" applyBorder="1" applyAlignment="1">
      <alignment horizontal="justify" vertical="center" wrapText="1"/>
    </xf>
    <xf numFmtId="0" fontId="17" fillId="0" borderId="4" xfId="0" applyFont="1" applyFill="1" applyBorder="1" applyAlignment="1">
      <alignment horizontal="center" vertical="center" wrapText="1"/>
    </xf>
    <xf numFmtId="0" fontId="7" fillId="0" borderId="4" xfId="0" applyFont="1" applyBorder="1" applyAlignment="1" applyProtection="1">
      <alignment horizontal="center" vertical="center"/>
      <protection locked="0"/>
    </xf>
    <xf numFmtId="0" fontId="3" fillId="0" borderId="4" xfId="0" applyFont="1" applyBorder="1" applyAlignment="1" applyProtection="1">
      <alignment horizontal="center" vertical="center" wrapText="1"/>
      <protection locked="0"/>
    </xf>
    <xf numFmtId="0" fontId="2" fillId="0" borderId="4" xfId="0" applyFont="1" applyBorder="1" applyAlignment="1" applyProtection="1">
      <alignment horizontal="center" vertical="center" wrapText="1"/>
      <protection locked="0"/>
    </xf>
    <xf numFmtId="0" fontId="7" fillId="0" borderId="4" xfId="0" applyFont="1" applyBorder="1" applyAlignment="1" applyProtection="1">
      <alignment horizontal="center" vertical="center" wrapText="1"/>
      <protection locked="0"/>
    </xf>
    <xf numFmtId="0" fontId="7" fillId="0" borderId="6" xfId="0" applyFont="1" applyBorder="1" applyAlignment="1" applyProtection="1">
      <alignment horizontal="center" vertical="center" wrapText="1"/>
      <protection locked="0"/>
    </xf>
    <xf numFmtId="0" fontId="3" fillId="0" borderId="15" xfId="0" applyFont="1" applyBorder="1" applyAlignment="1" applyProtection="1">
      <alignment horizontal="center" vertical="center" wrapText="1"/>
      <protection locked="0"/>
    </xf>
    <xf numFmtId="0" fontId="3" fillId="2" borderId="0" xfId="0" applyFont="1" applyFill="1" applyBorder="1" applyAlignment="1" applyProtection="1">
      <alignment horizontal="left" vertical="center" wrapText="1"/>
      <protection locked="0"/>
    </xf>
    <xf numFmtId="0" fontId="9" fillId="2" borderId="0" xfId="0" applyFont="1" applyFill="1" applyBorder="1" applyAlignment="1" applyProtection="1">
      <alignment horizontal="center" vertical="center" wrapText="1"/>
      <protection locked="0"/>
    </xf>
    <xf numFmtId="0" fontId="3" fillId="2" borderId="3" xfId="0" applyFont="1" applyFill="1" applyBorder="1" applyAlignment="1" applyProtection="1">
      <alignment horizontal="center" vertical="center" wrapText="1"/>
      <protection locked="0"/>
    </xf>
    <xf numFmtId="0" fontId="4" fillId="2" borderId="0" xfId="0" applyFont="1" applyFill="1" applyAlignment="1" applyProtection="1">
      <alignment horizontal="left" vertical="center" wrapText="1"/>
      <protection locked="0"/>
    </xf>
    <xf numFmtId="0" fontId="17" fillId="9" borderId="4" xfId="0" applyFont="1" applyFill="1" applyBorder="1" applyAlignment="1">
      <alignment horizontal="center" vertical="center" wrapText="1"/>
    </xf>
    <xf numFmtId="0" fontId="25" fillId="9" borderId="4" xfId="0" applyFont="1" applyFill="1" applyBorder="1" applyAlignment="1">
      <alignment horizontal="justify" vertical="center" wrapText="1"/>
    </xf>
    <xf numFmtId="0" fontId="21" fillId="9" borderId="4" xfId="0" applyFont="1" applyFill="1" applyBorder="1" applyAlignment="1">
      <alignment horizontal="center" vertical="center" wrapText="1"/>
    </xf>
    <xf numFmtId="0" fontId="26" fillId="0" borderId="0" xfId="1" applyFont="1" applyAlignment="1">
      <alignment wrapText="1"/>
    </xf>
    <xf numFmtId="0" fontId="20" fillId="0" borderId="0" xfId="1" applyFont="1" applyAlignment="1">
      <alignment horizontal="right" wrapText="1"/>
    </xf>
    <xf numFmtId="0" fontId="20" fillId="0" borderId="0" xfId="1" applyFont="1" applyAlignment="1">
      <alignment horizontal="right"/>
    </xf>
    <xf numFmtId="0" fontId="27" fillId="0" borderId="0" xfId="1" applyFont="1"/>
    <xf numFmtId="0" fontId="17" fillId="9" borderId="0" xfId="0" applyFont="1" applyFill="1" applyBorder="1" applyAlignment="1">
      <alignment horizontal="center" vertical="center" wrapText="1"/>
    </xf>
    <xf numFmtId="0" fontId="2" fillId="0" borderId="0" xfId="0" applyFont="1" applyProtection="1">
      <protection locked="0"/>
    </xf>
    <xf numFmtId="0" fontId="2" fillId="2" borderId="0" xfId="0" applyFont="1" applyFill="1" applyProtection="1">
      <protection locked="0"/>
    </xf>
    <xf numFmtId="0" fontId="3" fillId="2" borderId="0" xfId="0" applyFont="1" applyFill="1" applyAlignment="1" applyProtection="1">
      <alignment horizontal="left" vertical="center" wrapText="1"/>
      <protection locked="0"/>
    </xf>
    <xf numFmtId="0" fontId="2" fillId="0" borderId="7" xfId="0" applyFont="1" applyBorder="1" applyAlignment="1" applyProtection="1">
      <alignment horizontal="center" vertical="top" wrapText="1"/>
      <protection locked="0"/>
    </xf>
    <xf numFmtId="0" fontId="3" fillId="0" borderId="18" xfId="0" applyFont="1" applyBorder="1" applyAlignment="1" applyProtection="1">
      <alignment horizontal="center" vertical="center" wrapText="1"/>
      <protection locked="0"/>
    </xf>
    <xf numFmtId="0" fontId="7" fillId="0" borderId="15" xfId="0" applyFont="1" applyBorder="1" applyAlignment="1" applyProtection="1">
      <alignment horizontal="center" vertical="center" wrapText="1"/>
      <protection locked="0"/>
    </xf>
    <xf numFmtId="0" fontId="8" fillId="0" borderId="15" xfId="0" applyFont="1" applyBorder="1" applyAlignment="1" applyProtection="1">
      <alignment horizontal="center" vertical="center" wrapText="1"/>
      <protection locked="0"/>
    </xf>
    <xf numFmtId="0" fontId="7" fillId="0" borderId="10" xfId="0" applyFont="1" applyBorder="1" applyAlignment="1" applyProtection="1">
      <alignment horizontal="center" vertical="center" wrapText="1"/>
      <protection locked="0"/>
    </xf>
    <xf numFmtId="0" fontId="5" fillId="0" borderId="8" xfId="0" applyFont="1" applyBorder="1" applyAlignment="1" applyProtection="1">
      <alignment horizontal="center" vertical="center" wrapText="1"/>
      <protection locked="0"/>
    </xf>
    <xf numFmtId="0" fontId="5" fillId="0" borderId="4" xfId="0" applyFont="1" applyBorder="1" applyAlignment="1" applyProtection="1">
      <alignment horizontal="center" vertical="center" wrapText="1"/>
      <protection locked="0"/>
    </xf>
    <xf numFmtId="0" fontId="5" fillId="0" borderId="4" xfId="0" applyFont="1" applyBorder="1" applyAlignment="1" applyProtection="1">
      <alignment horizontal="left" vertical="center" wrapText="1"/>
      <protection locked="0"/>
    </xf>
    <xf numFmtId="0" fontId="5" fillId="0" borderId="6" xfId="0" applyFont="1" applyBorder="1" applyAlignment="1" applyProtection="1">
      <alignment horizontal="left" vertical="center" wrapText="1"/>
      <protection locked="0"/>
    </xf>
    <xf numFmtId="166" fontId="2" fillId="0" borderId="4" xfId="0" applyNumberFormat="1" applyFont="1" applyBorder="1" applyAlignment="1" applyProtection="1">
      <alignment horizontal="center" vertical="center" wrapText="1"/>
      <protection locked="0"/>
    </xf>
    <xf numFmtId="0" fontId="28" fillId="0" borderId="4" xfId="0" applyFont="1" applyBorder="1" applyAlignment="1">
      <alignment horizontal="center" vertical="center" wrapText="1"/>
    </xf>
    <xf numFmtId="0" fontId="5" fillId="0" borderId="4" xfId="0" applyFont="1" applyFill="1" applyBorder="1" applyAlignment="1" applyProtection="1">
      <alignment horizontal="center" vertical="center" wrapText="1"/>
      <protection locked="0"/>
    </xf>
    <xf numFmtId="166" fontId="5" fillId="0" borderId="4" xfId="0" applyNumberFormat="1" applyFont="1" applyBorder="1" applyAlignment="1" applyProtection="1">
      <alignment horizontal="center" vertical="center" wrapText="1"/>
      <protection locked="0"/>
    </xf>
    <xf numFmtId="0" fontId="5" fillId="0" borderId="2" xfId="0" applyFont="1" applyBorder="1" applyAlignment="1" applyProtection="1">
      <alignment horizontal="center" vertical="center" wrapText="1"/>
      <protection locked="0"/>
    </xf>
    <xf numFmtId="0" fontId="5" fillId="0" borderId="27" xfId="0" applyFont="1" applyBorder="1" applyAlignment="1" applyProtection="1">
      <alignment horizontal="center" vertical="center" wrapText="1"/>
      <protection locked="0"/>
    </xf>
    <xf numFmtId="166" fontId="5" fillId="0" borderId="27" xfId="0" applyNumberFormat="1" applyFont="1" applyBorder="1" applyAlignment="1" applyProtection="1">
      <alignment horizontal="center" vertical="center" wrapText="1"/>
      <protection locked="0"/>
    </xf>
    <xf numFmtId="0" fontId="28" fillId="0" borderId="27" xfId="0" applyFont="1" applyBorder="1" applyAlignment="1">
      <alignment horizontal="center" vertical="center" wrapText="1"/>
    </xf>
    <xf numFmtId="0" fontId="2" fillId="0" borderId="0" xfId="0" applyFont="1" applyBorder="1" applyProtection="1">
      <protection locked="0"/>
    </xf>
    <xf numFmtId="0" fontId="3" fillId="2" borderId="0" xfId="0" applyFont="1" applyFill="1" applyBorder="1" applyAlignment="1" applyProtection="1">
      <alignment vertical="center" wrapText="1"/>
      <protection locked="0"/>
    </xf>
    <xf numFmtId="0" fontId="3" fillId="0" borderId="4" xfId="0" applyFont="1" applyBorder="1" applyAlignment="1" applyProtection="1">
      <alignment vertical="center" wrapText="1"/>
      <protection locked="0"/>
    </xf>
    <xf numFmtId="21" fontId="2" fillId="0" borderId="4" xfId="0" quotePrefix="1" applyNumberFormat="1" applyFont="1" applyBorder="1" applyAlignment="1" applyProtection="1">
      <alignment vertical="center" wrapText="1"/>
      <protection locked="0"/>
    </xf>
    <xf numFmtId="0" fontId="29" fillId="2" borderId="0" xfId="0" applyFont="1" applyFill="1" applyBorder="1" applyAlignment="1" applyProtection="1">
      <alignment vertical="center"/>
      <protection locked="0"/>
    </xf>
    <xf numFmtId="0" fontId="3" fillId="0" borderId="0" xfId="0" applyFont="1" applyFill="1" applyBorder="1" applyAlignment="1" applyProtection="1">
      <alignment vertical="center" wrapText="1"/>
      <protection locked="0"/>
    </xf>
    <xf numFmtId="0" fontId="2" fillId="0" borderId="0" xfId="0" applyFont="1" applyBorder="1" applyAlignment="1" applyProtection="1">
      <alignment horizontal="center" vertical="top" wrapText="1"/>
      <protection locked="0"/>
    </xf>
    <xf numFmtId="0" fontId="2" fillId="0" borderId="7" xfId="0" applyFont="1" applyBorder="1" applyAlignment="1" applyProtection="1">
      <alignment horizontal="center" vertical="center" wrapText="1"/>
      <protection locked="0"/>
    </xf>
    <xf numFmtId="0" fontId="2" fillId="0" borderId="8" xfId="0" applyFont="1" applyBorder="1" applyAlignment="1" applyProtection="1">
      <alignment horizontal="center" vertical="center" wrapText="1"/>
      <protection locked="0"/>
    </xf>
    <xf numFmtId="0" fontId="2" fillId="0" borderId="4" xfId="0" applyFont="1" applyBorder="1" applyAlignment="1" applyProtection="1">
      <alignment horizontal="center" vertical="top" wrapText="1"/>
      <protection locked="0"/>
    </xf>
    <xf numFmtId="0" fontId="28" fillId="0" borderId="4" xfId="0" applyFont="1" applyBorder="1" applyAlignment="1" applyProtection="1">
      <alignment horizontal="center" vertical="center" wrapText="1"/>
      <protection locked="0"/>
    </xf>
    <xf numFmtId="0" fontId="28" fillId="0" borderId="6" xfId="0" applyFont="1" applyBorder="1" applyAlignment="1" applyProtection="1">
      <alignment horizontal="center" vertical="center" wrapText="1"/>
      <protection locked="0"/>
    </xf>
    <xf numFmtId="0" fontId="28" fillId="0" borderId="4" xfId="0" applyFont="1" applyBorder="1" applyAlignment="1" applyProtection="1">
      <alignment vertical="center" wrapText="1"/>
      <protection locked="0"/>
    </xf>
    <xf numFmtId="0" fontId="17" fillId="0" borderId="4" xfId="0" applyFont="1" applyBorder="1" applyAlignment="1">
      <alignment horizontal="center" vertical="center" wrapText="1"/>
    </xf>
    <xf numFmtId="0" fontId="23" fillId="0" borderId="4" xfId="0" applyFont="1" applyBorder="1" applyAlignment="1">
      <alignment horizontal="left" vertical="center" wrapText="1"/>
    </xf>
    <xf numFmtId="0" fontId="23" fillId="0" borderId="4" xfId="0" applyFont="1" applyBorder="1" applyAlignment="1">
      <alignment horizontal="justify" vertical="center" wrapText="1"/>
    </xf>
    <xf numFmtId="0" fontId="2" fillId="0" borderId="7" xfId="0" applyFont="1" applyBorder="1" applyAlignment="1" applyProtection="1">
      <alignment horizontal="center" vertical="center" wrapText="1"/>
      <protection locked="0"/>
    </xf>
    <xf numFmtId="0" fontId="3" fillId="2" borderId="0" xfId="0" applyFont="1" applyFill="1" applyBorder="1" applyAlignment="1" applyProtection="1">
      <alignment horizontal="left" vertical="center" wrapText="1"/>
      <protection locked="0"/>
    </xf>
    <xf numFmtId="0" fontId="5" fillId="0" borderId="6" xfId="0" applyFont="1" applyBorder="1" applyAlignment="1" applyProtection="1">
      <alignment horizontal="center" vertical="center" wrapText="1"/>
      <protection locked="0"/>
    </xf>
    <xf numFmtId="0" fontId="5" fillId="0" borderId="8" xfId="0" applyFont="1" applyBorder="1" applyAlignment="1" applyProtection="1">
      <alignment horizontal="center" vertical="center" wrapText="1"/>
      <protection locked="0"/>
    </xf>
    <xf numFmtId="0" fontId="7" fillId="0" borderId="15" xfId="0" applyFont="1" applyBorder="1" applyAlignment="1" applyProtection="1">
      <alignment horizontal="center" vertical="center" wrapText="1"/>
      <protection locked="0"/>
    </xf>
    <xf numFmtId="0" fontId="3" fillId="2" borderId="3" xfId="0" applyFont="1" applyFill="1" applyBorder="1" applyAlignment="1" applyProtection="1">
      <alignment horizontal="center" vertical="center" wrapText="1"/>
      <protection locked="0"/>
    </xf>
    <xf numFmtId="0" fontId="9" fillId="2" borderId="0" xfId="0" applyFont="1" applyFill="1" applyBorder="1" applyAlignment="1" applyProtection="1">
      <alignment horizontal="center" vertical="center" wrapText="1"/>
      <protection locked="0"/>
    </xf>
    <xf numFmtId="0" fontId="28" fillId="0" borderId="4" xfId="0" applyFont="1" applyBorder="1" applyAlignment="1">
      <alignment horizontal="left" vertical="center" wrapText="1"/>
    </xf>
    <xf numFmtId="0" fontId="28" fillId="0" borderId="27" xfId="0" applyFont="1" applyBorder="1" applyAlignment="1">
      <alignment horizontal="left" vertical="center" wrapText="1"/>
    </xf>
    <xf numFmtId="0" fontId="28" fillId="0" borderId="6" xfId="0" applyFont="1" applyBorder="1" applyAlignment="1">
      <alignment horizontal="left" vertical="center" wrapText="1"/>
    </xf>
    <xf numFmtId="0" fontId="28" fillId="0" borderId="14" xfId="0" applyFont="1" applyBorder="1" applyAlignment="1">
      <alignment horizontal="left" vertical="center" wrapText="1"/>
    </xf>
    <xf numFmtId="0" fontId="5" fillId="0" borderId="6" xfId="0" applyFont="1" applyBorder="1" applyAlignment="1" applyProtection="1">
      <alignment horizontal="center" vertical="center" wrapText="1"/>
      <protection locked="0"/>
    </xf>
    <xf numFmtId="0" fontId="7" fillId="0" borderId="4" xfId="0" applyFont="1" applyBorder="1" applyAlignment="1" applyProtection="1">
      <alignment horizontal="center" vertical="center" wrapText="1"/>
      <protection locked="0"/>
    </xf>
    <xf numFmtId="0" fontId="18" fillId="8" borderId="4" xfId="0" applyFont="1" applyFill="1" applyBorder="1" applyAlignment="1">
      <alignment horizontal="center" vertical="center" wrapText="1"/>
    </xf>
    <xf numFmtId="0" fontId="3" fillId="0" borderId="4" xfId="0" applyFont="1" applyBorder="1" applyAlignment="1" applyProtection="1">
      <alignment horizontal="left" vertical="center" wrapText="1"/>
      <protection locked="0"/>
    </xf>
    <xf numFmtId="0" fontId="25" fillId="9" borderId="0" xfId="0" applyFont="1" applyFill="1" applyBorder="1" applyAlignment="1">
      <alignment horizontal="justify" vertical="center" wrapText="1"/>
    </xf>
    <xf numFmtId="0" fontId="21" fillId="9" borderId="0" xfId="0" applyFont="1" applyFill="1" applyBorder="1" applyAlignment="1">
      <alignment horizontal="center" vertical="center" wrapText="1"/>
    </xf>
    <xf numFmtId="0" fontId="17" fillId="0" borderId="0" xfId="0" applyFont="1" applyFill="1" applyBorder="1" applyAlignment="1">
      <alignment horizontal="justify" vertical="center" wrapText="1"/>
    </xf>
    <xf numFmtId="0" fontId="17" fillId="0" borderId="0" xfId="0" applyFont="1" applyFill="1" applyBorder="1" applyAlignment="1">
      <alignment horizontal="center" vertical="center" wrapText="1"/>
    </xf>
    <xf numFmtId="0" fontId="17" fillId="0" borderId="0" xfId="0" applyFont="1" applyBorder="1" applyAlignment="1">
      <alignment horizontal="center" vertical="center" wrapText="1"/>
    </xf>
    <xf numFmtId="0" fontId="36" fillId="0" borderId="0" xfId="1" applyFont="1"/>
    <xf numFmtId="0" fontId="2" fillId="0" borderId="4" xfId="0" applyFont="1" applyBorder="1" applyAlignment="1" applyProtection="1">
      <alignment horizontal="left" vertical="center" wrapText="1"/>
      <protection locked="0"/>
    </xf>
    <xf numFmtId="0" fontId="2" fillId="0" borderId="4" xfId="0" applyFont="1" applyBorder="1" applyAlignment="1" applyProtection="1">
      <alignment horizontal="center" vertical="center" wrapText="1"/>
      <protection locked="0"/>
    </xf>
    <xf numFmtId="0" fontId="5" fillId="0" borderId="6" xfId="0" applyFont="1" applyBorder="1" applyAlignment="1" applyProtection="1">
      <alignment horizontal="center" vertical="center" wrapText="1"/>
      <protection locked="0"/>
    </xf>
    <xf numFmtId="0" fontId="5" fillId="0" borderId="26" xfId="0" applyFont="1" applyBorder="1" applyAlignment="1" applyProtection="1">
      <alignment horizontal="center" vertical="center" wrapText="1"/>
      <protection locked="0"/>
    </xf>
    <xf numFmtId="0" fontId="2" fillId="0" borderId="26" xfId="0" applyFont="1" applyBorder="1" applyAlignment="1" applyProtection="1">
      <alignment horizontal="center" vertical="center" wrapText="1"/>
      <protection locked="0"/>
    </xf>
    <xf numFmtId="166" fontId="2" fillId="0" borderId="26" xfId="0" applyNumberFormat="1" applyFont="1" applyBorder="1" applyAlignment="1" applyProtection="1">
      <alignment horizontal="center" vertical="center" wrapText="1"/>
      <protection locked="0"/>
    </xf>
    <xf numFmtId="0" fontId="28" fillId="0" borderId="26" xfId="0" applyFont="1" applyBorder="1" applyAlignment="1" applyProtection="1">
      <alignment horizontal="left" vertical="center" wrapText="1"/>
      <protection locked="0"/>
    </xf>
    <xf numFmtId="0" fontId="28" fillId="0" borderId="26" xfId="0" applyFont="1" applyBorder="1" applyAlignment="1" applyProtection="1">
      <alignment horizontal="center" vertical="center" wrapText="1"/>
      <protection locked="0"/>
    </xf>
    <xf numFmtId="0" fontId="28" fillId="0" borderId="23" xfId="0" applyFont="1" applyBorder="1" applyAlignment="1" applyProtection="1">
      <alignment horizontal="left" vertical="center" wrapText="1"/>
      <protection locked="0"/>
    </xf>
    <xf numFmtId="0" fontId="40" fillId="0" borderId="4" xfId="0" applyFont="1" applyBorder="1" applyAlignment="1" applyProtection="1">
      <alignment horizontal="center" vertical="center" wrapText="1"/>
      <protection locked="0"/>
    </xf>
    <xf numFmtId="49" fontId="40" fillId="0" borderId="4" xfId="0" applyNumberFormat="1" applyFont="1" applyBorder="1" applyAlignment="1" applyProtection="1">
      <alignment horizontal="center" vertical="center" wrapText="1"/>
      <protection locked="0"/>
    </xf>
    <xf numFmtId="0" fontId="2" fillId="0" borderId="26" xfId="0" quotePrefix="1" applyFont="1" applyBorder="1" applyAlignment="1" applyProtection="1">
      <alignment horizontal="center" vertical="center" wrapText="1"/>
      <protection locked="0"/>
    </xf>
    <xf numFmtId="0" fontId="5" fillId="0" borderId="15" xfId="0" applyFont="1" applyBorder="1" applyAlignment="1" applyProtection="1">
      <alignment horizontal="center" vertical="center" wrapText="1"/>
      <protection locked="0"/>
    </xf>
    <xf numFmtId="1" fontId="5" fillId="0" borderId="4" xfId="0" applyNumberFormat="1" applyFont="1" applyBorder="1" applyAlignment="1" applyProtection="1">
      <alignment horizontal="center" vertical="center" wrapText="1"/>
      <protection locked="0"/>
    </xf>
    <xf numFmtId="0" fontId="2" fillId="0" borderId="7" xfId="0" applyFont="1" applyBorder="1" applyAlignment="1" applyProtection="1">
      <alignment vertical="center" wrapText="1"/>
      <protection locked="0"/>
    </xf>
    <xf numFmtId="0" fontId="2" fillId="0" borderId="8" xfId="0" applyFont="1" applyBorder="1" applyAlignment="1" applyProtection="1">
      <alignment vertical="center" wrapText="1"/>
      <protection locked="0"/>
    </xf>
    <xf numFmtId="0" fontId="2" fillId="0" borderId="6" xfId="0" applyFont="1" applyBorder="1" applyAlignment="1" applyProtection="1">
      <alignment vertical="center"/>
      <protection locked="0"/>
    </xf>
    <xf numFmtId="3" fontId="2" fillId="0" borderId="4" xfId="0" applyNumberFormat="1" applyFont="1" applyBorder="1" applyAlignment="1" applyProtection="1">
      <alignment horizontal="left" vertical="center" wrapText="1"/>
      <protection locked="0"/>
    </xf>
    <xf numFmtId="0" fontId="2" fillId="0" borderId="26" xfId="0" applyFont="1" applyBorder="1" applyAlignment="1" applyProtection="1">
      <alignment horizontal="center" vertical="center"/>
      <protection locked="0"/>
    </xf>
    <xf numFmtId="0" fontId="2" fillId="0" borderId="4" xfId="0" applyFont="1" applyBorder="1" applyAlignment="1" applyProtection="1">
      <alignment horizontal="center" vertical="center"/>
      <protection locked="0"/>
    </xf>
    <xf numFmtId="0" fontId="2" fillId="0" borderId="24" xfId="0" applyFont="1" applyBorder="1" applyAlignment="1" applyProtection="1">
      <alignment vertical="center" wrapText="1"/>
      <protection locked="0"/>
    </xf>
    <xf numFmtId="0" fontId="2" fillId="0" borderId="25" xfId="0" applyFont="1" applyBorder="1" applyAlignment="1" applyProtection="1">
      <alignment vertical="center" wrapText="1"/>
      <protection locked="0"/>
    </xf>
    <xf numFmtId="14" fontId="2" fillId="0" borderId="4" xfId="0" applyNumberFormat="1" applyFont="1" applyBorder="1" applyAlignment="1" applyProtection="1">
      <alignment horizontal="center" vertical="top" wrapText="1"/>
      <protection locked="0"/>
    </xf>
    <xf numFmtId="0" fontId="9" fillId="0" borderId="4" xfId="0" applyFont="1" applyBorder="1" applyAlignment="1" applyProtection="1">
      <alignment horizontal="center" vertical="center" wrapText="1"/>
      <protection locked="0"/>
    </xf>
    <xf numFmtId="0" fontId="5" fillId="0" borderId="10" xfId="0" applyFont="1" applyBorder="1" applyAlignment="1" applyProtection="1">
      <alignment horizontal="center" vertical="center" wrapText="1"/>
      <protection locked="0"/>
    </xf>
    <xf numFmtId="0" fontId="5" fillId="0" borderId="15" xfId="0" applyFont="1" applyBorder="1" applyAlignment="1" applyProtection="1">
      <alignment horizontal="left" vertical="center" wrapText="1"/>
      <protection locked="0"/>
    </xf>
    <xf numFmtId="49" fontId="28" fillId="4" borderId="4" xfId="0" applyNumberFormat="1" applyFont="1" applyFill="1" applyBorder="1" applyAlignment="1">
      <alignment horizontal="center" vertical="center" wrapText="1"/>
    </xf>
    <xf numFmtId="0" fontId="14" fillId="0" borderId="2" xfId="0" applyFont="1" applyBorder="1" applyAlignment="1" applyProtection="1">
      <alignment vertical="center" wrapText="1"/>
      <protection locked="0"/>
    </xf>
    <xf numFmtId="0" fontId="46" fillId="0" borderId="0" xfId="0" applyFont="1"/>
    <xf numFmtId="0" fontId="47" fillId="0" borderId="0" xfId="0" applyFont="1" applyAlignment="1">
      <alignment horizontal="center" vertical="center"/>
    </xf>
    <xf numFmtId="2" fontId="47" fillId="0" borderId="0" xfId="0" applyNumberFormat="1" applyFont="1" applyAlignment="1">
      <alignment horizontal="center" vertical="center"/>
    </xf>
    <xf numFmtId="0" fontId="40" fillId="0" borderId="0" xfId="0" applyFont="1" applyAlignment="1" applyProtection="1">
      <alignment horizontal="center" vertical="center" wrapText="1"/>
      <protection locked="0"/>
    </xf>
    <xf numFmtId="0" fontId="40" fillId="0" borderId="2" xfId="0" applyFont="1" applyBorder="1" applyAlignment="1" applyProtection="1">
      <alignment horizontal="center" vertical="center" wrapText="1"/>
      <protection locked="0"/>
    </xf>
    <xf numFmtId="0" fontId="51" fillId="0" borderId="4" xfId="0" applyFont="1" applyBorder="1" applyAlignment="1" applyProtection="1">
      <alignment horizontal="left" vertical="center" wrapText="1"/>
      <protection locked="0"/>
    </xf>
    <xf numFmtId="0" fontId="48" fillId="0" borderId="4" xfId="0" applyFont="1" applyBorder="1" applyAlignment="1" applyProtection="1">
      <alignment horizontal="center" vertical="center" wrapText="1"/>
      <protection locked="0"/>
    </xf>
    <xf numFmtId="0" fontId="49" fillId="11" borderId="31" xfId="0" applyFont="1" applyFill="1" applyBorder="1" applyAlignment="1">
      <alignment horizontal="center" vertical="center"/>
    </xf>
    <xf numFmtId="0" fontId="49" fillId="11" borderId="4" xfId="0" applyFont="1" applyFill="1" applyBorder="1" applyAlignment="1">
      <alignment horizontal="center" vertical="center"/>
    </xf>
    <xf numFmtId="0" fontId="52" fillId="0" borderId="4" xfId="0" applyFont="1" applyBorder="1" applyAlignment="1">
      <alignment horizontal="center" vertical="center"/>
    </xf>
    <xf numFmtId="0" fontId="49" fillId="11" borderId="8" xfId="0" applyFont="1" applyFill="1" applyBorder="1" applyAlignment="1">
      <alignment horizontal="center" vertical="center"/>
    </xf>
    <xf numFmtId="0" fontId="52" fillId="11" borderId="4" xfId="0" applyFont="1" applyFill="1" applyBorder="1" applyAlignment="1">
      <alignment horizontal="center" vertical="center"/>
    </xf>
    <xf numFmtId="0" fontId="52" fillId="11" borderId="31" xfId="0" applyFont="1" applyFill="1" applyBorder="1" applyAlignment="1">
      <alignment horizontal="center" vertical="center"/>
    </xf>
    <xf numFmtId="0" fontId="52" fillId="0" borderId="0" xfId="0" applyFont="1" applyAlignment="1">
      <alignment horizontal="center" vertical="center"/>
    </xf>
    <xf numFmtId="0" fontId="47" fillId="0" borderId="4" xfId="0" applyFont="1" applyBorder="1" applyAlignment="1" applyProtection="1">
      <alignment horizontal="center" vertical="center" wrapText="1"/>
      <protection locked="0"/>
    </xf>
    <xf numFmtId="43" fontId="47" fillId="12" borderId="4" xfId="4" applyFont="1" applyFill="1" applyBorder="1" applyAlignment="1" applyProtection="1">
      <alignment horizontal="center" vertical="center" wrapText="1"/>
      <protection locked="0"/>
    </xf>
    <xf numFmtId="0" fontId="47" fillId="11" borderId="4" xfId="0" applyFont="1" applyFill="1" applyBorder="1" applyAlignment="1">
      <alignment horizontal="center" vertical="center" wrapText="1"/>
    </xf>
    <xf numFmtId="2" fontId="53" fillId="11" borderId="4" xfId="0" applyNumberFormat="1" applyFont="1" applyFill="1" applyBorder="1" applyAlignment="1" applyProtection="1">
      <alignment horizontal="center" vertical="center" wrapText="1"/>
      <protection locked="0"/>
    </xf>
    <xf numFmtId="1" fontId="53" fillId="12" borderId="4" xfId="0" applyNumberFormat="1" applyFont="1" applyFill="1" applyBorder="1" applyAlignment="1" applyProtection="1">
      <alignment horizontal="center" vertical="center" wrapText="1"/>
      <protection locked="0"/>
    </xf>
    <xf numFmtId="0" fontId="46" fillId="0" borderId="0" xfId="0" applyFont="1" applyAlignment="1">
      <alignment horizontal="center" vertical="center"/>
    </xf>
    <xf numFmtId="168" fontId="47" fillId="12" borderId="4" xfId="0" applyNumberFormat="1" applyFont="1" applyFill="1" applyBorder="1" applyAlignment="1">
      <alignment horizontal="center" vertical="center"/>
    </xf>
    <xf numFmtId="169" fontId="47" fillId="12" borderId="4" xfId="0" applyNumberFormat="1" applyFont="1" applyFill="1" applyBorder="1" applyAlignment="1">
      <alignment horizontal="center" vertical="center"/>
    </xf>
    <xf numFmtId="0" fontId="0" fillId="0" borderId="0" xfId="0" applyAlignment="1">
      <alignment horizontal="center" vertical="center"/>
    </xf>
    <xf numFmtId="0" fontId="50" fillId="11" borderId="8" xfId="0" applyFont="1" applyFill="1" applyBorder="1" applyAlignment="1">
      <alignment horizontal="center" vertical="center"/>
    </xf>
    <xf numFmtId="0" fontId="50" fillId="11" borderId="4" xfId="0" applyFont="1" applyFill="1" applyBorder="1" applyAlignment="1">
      <alignment horizontal="center" vertical="center"/>
    </xf>
    <xf numFmtId="0" fontId="50" fillId="11" borderId="31" xfId="0" applyFont="1" applyFill="1" applyBorder="1" applyAlignment="1">
      <alignment horizontal="center" vertical="center"/>
    </xf>
    <xf numFmtId="0" fontId="47" fillId="0" borderId="0" xfId="0" applyFont="1" applyAlignment="1" applyProtection="1">
      <alignment horizontal="center" vertical="center" wrapText="1"/>
      <protection locked="0"/>
    </xf>
    <xf numFmtId="0" fontId="47" fillId="0" borderId="26" xfId="0" applyFont="1" applyBorder="1" applyAlignment="1" applyProtection="1">
      <alignment horizontal="center" vertical="center" wrapText="1"/>
      <protection locked="0"/>
    </xf>
    <xf numFmtId="0" fontId="48" fillId="0" borderId="0" xfId="0" applyFont="1" applyAlignment="1" applyProtection="1">
      <alignment horizontal="center" vertical="center" wrapText="1"/>
      <protection locked="0"/>
    </xf>
    <xf numFmtId="0" fontId="50" fillId="11" borderId="0" xfId="0" applyFont="1" applyFill="1" applyAlignment="1">
      <alignment horizontal="center" vertical="center"/>
    </xf>
    <xf numFmtId="0" fontId="49" fillId="11" borderId="0" xfId="0" applyFont="1" applyFill="1" applyAlignment="1">
      <alignment horizontal="center" vertical="center"/>
    </xf>
    <xf numFmtId="0" fontId="50" fillId="11" borderId="33" xfId="0" applyFont="1" applyFill="1" applyBorder="1" applyAlignment="1">
      <alignment horizontal="center" vertical="center"/>
    </xf>
    <xf numFmtId="43" fontId="47" fillId="12" borderId="0" xfId="4" applyFont="1" applyFill="1" applyBorder="1" applyAlignment="1" applyProtection="1">
      <alignment horizontal="center" vertical="center" wrapText="1"/>
      <protection locked="0"/>
    </xf>
    <xf numFmtId="0" fontId="47" fillId="0" borderId="0" xfId="0" applyFont="1" applyAlignment="1">
      <alignment horizontal="center" vertical="center" wrapText="1"/>
    </xf>
    <xf numFmtId="0" fontId="47" fillId="11" borderId="0" xfId="0" applyFont="1" applyFill="1" applyAlignment="1">
      <alignment horizontal="center" vertical="center" wrapText="1"/>
    </xf>
    <xf numFmtId="2" fontId="53" fillId="11" borderId="0" xfId="0" applyNumberFormat="1" applyFont="1" applyFill="1" applyAlignment="1">
      <alignment horizontal="center" vertical="center" wrapText="1"/>
    </xf>
    <xf numFmtId="1" fontId="53" fillId="12" borderId="0" xfId="0" applyNumberFormat="1" applyFont="1" applyFill="1" applyAlignment="1" applyProtection="1">
      <alignment horizontal="center" vertical="center" wrapText="1"/>
      <protection locked="0"/>
    </xf>
    <xf numFmtId="0" fontId="54" fillId="0" borderId="0" xfId="0" applyFont="1" applyAlignment="1">
      <alignment horizontal="center" vertical="center" wrapText="1"/>
    </xf>
    <xf numFmtId="168" fontId="47" fillId="12" borderId="7" xfId="0" applyNumberFormat="1" applyFont="1" applyFill="1" applyBorder="1" applyAlignment="1">
      <alignment horizontal="center" vertical="center"/>
    </xf>
    <xf numFmtId="169" fontId="47" fillId="12" borderId="7" xfId="0" applyNumberFormat="1" applyFont="1" applyFill="1" applyBorder="1" applyAlignment="1">
      <alignment horizontal="center" vertical="center"/>
    </xf>
    <xf numFmtId="0" fontId="55" fillId="0" borderId="0" xfId="0" applyFont="1"/>
    <xf numFmtId="0" fontId="49" fillId="11" borderId="33" xfId="0" applyFont="1" applyFill="1" applyBorder="1" applyAlignment="1">
      <alignment horizontal="center" vertical="center"/>
    </xf>
    <xf numFmtId="0" fontId="50" fillId="0" borderId="0" xfId="0" applyFont="1" applyAlignment="1">
      <alignment horizontal="center" vertical="center"/>
    </xf>
    <xf numFmtId="43" fontId="46" fillId="12" borderId="0" xfId="4" applyFont="1" applyFill="1" applyAlignment="1">
      <alignment horizontal="center"/>
    </xf>
    <xf numFmtId="0" fontId="46" fillId="11" borderId="0" xfId="0" applyFont="1" applyFill="1"/>
    <xf numFmtId="2" fontId="46" fillId="11" borderId="0" xfId="0" applyNumberFormat="1" applyFont="1" applyFill="1"/>
    <xf numFmtId="164" fontId="46" fillId="12" borderId="0" xfId="0" applyNumberFormat="1" applyFont="1" applyFill="1"/>
    <xf numFmtId="0" fontId="47" fillId="12" borderId="7" xfId="0" applyFont="1" applyFill="1" applyBorder="1" applyAlignment="1">
      <alignment horizontal="center" vertical="center"/>
    </xf>
    <xf numFmtId="2" fontId="47" fillId="12" borderId="7" xfId="0" applyNumberFormat="1" applyFont="1" applyFill="1" applyBorder="1" applyAlignment="1">
      <alignment horizontal="center" vertical="center"/>
    </xf>
    <xf numFmtId="0" fontId="44" fillId="13" borderId="0" xfId="0" applyFont="1" applyFill="1"/>
    <xf numFmtId="168" fontId="44" fillId="12" borderId="4" xfId="0" applyNumberFormat="1" applyFont="1" applyFill="1" applyBorder="1" applyAlignment="1">
      <alignment horizontal="center" vertical="center"/>
    </xf>
    <xf numFmtId="0" fontId="10" fillId="0" borderId="0" xfId="0" applyFont="1"/>
    <xf numFmtId="43" fontId="0" fillId="0" borderId="0" xfId="4" applyFont="1" applyAlignment="1">
      <alignment horizontal="center"/>
    </xf>
    <xf numFmtId="43" fontId="0" fillId="12" borderId="0" xfId="4" applyFont="1" applyFill="1" applyAlignment="1">
      <alignment horizontal="center"/>
    </xf>
    <xf numFmtId="0" fontId="0" fillId="11" borderId="0" xfId="0" applyFill="1"/>
    <xf numFmtId="2" fontId="0" fillId="11" borderId="0" xfId="0" applyNumberFormat="1" applyFill="1"/>
    <xf numFmtId="164" fontId="0" fillId="12" borderId="0" xfId="0" applyNumberFormat="1" applyFill="1"/>
    <xf numFmtId="164" fontId="56" fillId="12" borderId="0" xfId="0" applyNumberFormat="1" applyFont="1" applyFill="1" applyAlignment="1">
      <alignment horizontal="center" vertical="center"/>
    </xf>
    <xf numFmtId="0" fontId="56" fillId="12" borderId="0" xfId="0" applyFont="1" applyFill="1" applyAlignment="1">
      <alignment horizontal="center" vertical="center"/>
    </xf>
    <xf numFmtId="2" fontId="56" fillId="12" borderId="0" xfId="0" applyNumberFormat="1" applyFont="1" applyFill="1" applyAlignment="1">
      <alignment horizontal="center" vertical="center"/>
    </xf>
    <xf numFmtId="0" fontId="0" fillId="0" borderId="4" xfId="0" applyBorder="1"/>
    <xf numFmtId="0" fontId="0" fillId="0" borderId="4" xfId="0" applyBorder="1" applyAlignment="1">
      <alignment horizontal="center" vertical="center"/>
    </xf>
    <xf numFmtId="0" fontId="5" fillId="0" borderId="6" xfId="0" applyFont="1" applyBorder="1" applyAlignment="1" applyProtection="1">
      <alignment horizontal="center" vertical="center" wrapText="1"/>
      <protection locked="0"/>
    </xf>
    <xf numFmtId="0" fontId="3" fillId="0" borderId="15" xfId="0" applyFont="1" applyBorder="1" applyAlignment="1" applyProtection="1">
      <alignment horizontal="center" vertical="center" wrapText="1"/>
      <protection locked="0"/>
    </xf>
    <xf numFmtId="0" fontId="2" fillId="0" borderId="4" xfId="0" applyFont="1" applyBorder="1" applyAlignment="1" applyProtection="1">
      <alignment horizontal="center" vertical="center" wrapText="1"/>
      <protection locked="0"/>
    </xf>
    <xf numFmtId="0" fontId="2" fillId="0" borderId="4" xfId="0" applyFont="1" applyBorder="1" applyAlignment="1" applyProtection="1">
      <alignment horizontal="left" vertical="center" wrapText="1"/>
      <protection locked="0"/>
    </xf>
    <xf numFmtId="167" fontId="2" fillId="0" borderId="6" xfId="2" applyNumberFormat="1" applyFont="1" applyBorder="1" applyAlignment="1" applyProtection="1">
      <alignment horizontal="left" vertical="center" wrapText="1"/>
      <protection locked="0"/>
    </xf>
    <xf numFmtId="0" fontId="3" fillId="0" borderId="8" xfId="0" applyFont="1" applyBorder="1" applyAlignment="1" applyProtection="1">
      <alignment horizontal="left" vertical="center" wrapText="1"/>
      <protection locked="0"/>
    </xf>
    <xf numFmtId="0" fontId="48" fillId="11" borderId="15" xfId="0" applyFont="1" applyFill="1" applyBorder="1" applyAlignment="1" applyProtection="1">
      <alignment horizontal="center" vertical="center" wrapText="1"/>
      <protection locked="0"/>
    </xf>
    <xf numFmtId="0" fontId="48" fillId="11" borderId="4" xfId="0" applyFont="1" applyFill="1" applyBorder="1" applyAlignment="1" applyProtection="1">
      <alignment horizontal="center" vertical="center" wrapText="1"/>
      <protection locked="0"/>
    </xf>
    <xf numFmtId="0" fontId="51" fillId="0" borderId="15" xfId="0" applyFont="1" applyBorder="1" applyAlignment="1" applyProtection="1">
      <alignment horizontal="center" vertical="center" wrapText="1"/>
      <protection locked="0"/>
    </xf>
    <xf numFmtId="0" fontId="48" fillId="0" borderId="4" xfId="0" applyFont="1" applyBorder="1" applyAlignment="1" applyProtection="1">
      <alignment horizontal="center" vertical="center"/>
      <protection locked="0"/>
    </xf>
    <xf numFmtId="0" fontId="49" fillId="11" borderId="32" xfId="0" applyFont="1" applyFill="1" applyBorder="1" applyAlignment="1">
      <alignment horizontal="center" vertical="center"/>
    </xf>
    <xf numFmtId="0" fontId="49" fillId="11" borderId="26" xfId="0" applyFont="1" applyFill="1" applyBorder="1" applyAlignment="1">
      <alignment horizontal="center" vertical="center"/>
    </xf>
    <xf numFmtId="0" fontId="40" fillId="0" borderId="4" xfId="0" applyFont="1" applyBorder="1" applyAlignment="1" applyProtection="1">
      <alignment horizontal="center" vertical="center" wrapText="1"/>
      <protection locked="0"/>
    </xf>
    <xf numFmtId="0" fontId="40" fillId="0" borderId="26" xfId="0" applyFont="1" applyBorder="1" applyAlignment="1" applyProtection="1">
      <alignment horizontal="center" vertical="center" wrapText="1"/>
      <protection locked="0"/>
    </xf>
    <xf numFmtId="0" fontId="50" fillId="11" borderId="25" xfId="0" applyFont="1" applyFill="1" applyBorder="1" applyAlignment="1">
      <alignment horizontal="center" vertical="center"/>
    </xf>
    <xf numFmtId="0" fontId="50" fillId="11" borderId="26" xfId="0" applyFont="1" applyFill="1" applyBorder="1" applyAlignment="1">
      <alignment horizontal="center" vertical="center"/>
    </xf>
    <xf numFmtId="0" fontId="50" fillId="11" borderId="32" xfId="0" applyFont="1" applyFill="1" applyBorder="1" applyAlignment="1">
      <alignment horizontal="center" vertical="center"/>
    </xf>
    <xf numFmtId="0" fontId="48" fillId="0" borderId="4" xfId="0" applyFont="1" applyBorder="1" applyAlignment="1" applyProtection="1">
      <alignment horizontal="center" vertical="center" wrapText="1"/>
      <protection locked="0"/>
    </xf>
    <xf numFmtId="0" fontId="5" fillId="0" borderId="25" xfId="0" applyFont="1" applyBorder="1" applyAlignment="1" applyProtection="1">
      <alignment horizontal="center" vertical="center" wrapText="1"/>
      <protection locked="0"/>
    </xf>
    <xf numFmtId="0" fontId="40" fillId="0" borderId="0" xfId="0" applyFont="1" applyBorder="1" applyAlignment="1" applyProtection="1">
      <alignment horizontal="center" vertical="center" wrapText="1"/>
      <protection locked="0"/>
    </xf>
    <xf numFmtId="0" fontId="7" fillId="0" borderId="7" xfId="0" applyFont="1" applyBorder="1" applyAlignment="1" applyProtection="1">
      <alignment horizontal="center" vertical="center"/>
      <protection locked="0"/>
    </xf>
    <xf numFmtId="0" fontId="7" fillId="0" borderId="24" xfId="0" applyFont="1" applyBorder="1" applyAlignment="1" applyProtection="1">
      <alignment horizontal="center" vertical="center"/>
      <protection locked="0"/>
    </xf>
    <xf numFmtId="0" fontId="7" fillId="0" borderId="25" xfId="0" applyFont="1" applyBorder="1" applyAlignment="1" applyProtection="1">
      <alignment horizontal="center" vertical="center"/>
      <protection locked="0"/>
    </xf>
    <xf numFmtId="0" fontId="40" fillId="0" borderId="26" xfId="0" applyFont="1" applyBorder="1" applyAlignment="1" applyProtection="1">
      <alignment horizontal="center" vertical="center" wrapText="1"/>
      <protection locked="0"/>
    </xf>
    <xf numFmtId="0" fontId="50" fillId="11" borderId="4" xfId="0" applyFont="1" applyFill="1" applyBorder="1" applyAlignment="1">
      <alignment horizontal="center" vertical="center"/>
    </xf>
    <xf numFmtId="0" fontId="50" fillId="11" borderId="26" xfId="0" applyFont="1" applyFill="1" applyBorder="1" applyAlignment="1">
      <alignment horizontal="center" vertical="center"/>
    </xf>
    <xf numFmtId="0" fontId="50" fillId="11" borderId="31" xfId="0" applyFont="1" applyFill="1" applyBorder="1" applyAlignment="1">
      <alignment horizontal="center" vertical="center"/>
    </xf>
    <xf numFmtId="0" fontId="50" fillId="11" borderId="32" xfId="0" applyFont="1" applyFill="1" applyBorder="1" applyAlignment="1">
      <alignment horizontal="center" vertical="center"/>
    </xf>
    <xf numFmtId="0" fontId="58" fillId="11" borderId="4" xfId="0" applyFont="1" applyFill="1" applyBorder="1" applyAlignment="1" applyProtection="1">
      <alignment horizontal="center" vertical="center" wrapText="1"/>
      <protection locked="0"/>
    </xf>
    <xf numFmtId="164" fontId="10" fillId="0" borderId="0" xfId="0" applyNumberFormat="1" applyFont="1"/>
    <xf numFmtId="0" fontId="10" fillId="0" borderId="0" xfId="0" applyFont="1" applyAlignment="1">
      <alignment horizontal="right"/>
    </xf>
    <xf numFmtId="2" fontId="10" fillId="0" borderId="0" xfId="0" applyNumberFormat="1" applyFont="1"/>
    <xf numFmtId="0" fontId="10" fillId="0" borderId="0" xfId="0" applyFont="1" applyAlignment="1">
      <alignment horizontal="center"/>
    </xf>
    <xf numFmtId="0" fontId="0" fillId="2" borderId="0" xfId="0" applyFill="1"/>
    <xf numFmtId="0" fontId="10" fillId="2" borderId="0" xfId="0" applyFont="1" applyFill="1"/>
    <xf numFmtId="2" fontId="0" fillId="0" borderId="0" xfId="0" applyNumberFormat="1"/>
    <xf numFmtId="0" fontId="0" fillId="6" borderId="0" xfId="0" applyFill="1"/>
    <xf numFmtId="0" fontId="0" fillId="2" borderId="0" xfId="0" applyFill="1" applyAlignment="1">
      <alignment horizontal="left"/>
    </xf>
    <xf numFmtId="2" fontId="0" fillId="2" borderId="0" xfId="0" applyNumberFormat="1" applyFill="1" applyAlignment="1">
      <alignment horizontal="left"/>
    </xf>
    <xf numFmtId="0" fontId="60" fillId="0" borderId="0" xfId="0" applyFont="1"/>
    <xf numFmtId="1" fontId="0" fillId="0" borderId="0" xfId="0" applyNumberFormat="1"/>
    <xf numFmtId="0" fontId="0" fillId="0" borderId="0" xfId="0" applyAlignment="1">
      <alignment horizontal="right"/>
    </xf>
    <xf numFmtId="0" fontId="44" fillId="10" borderId="0" xfId="0" applyFont="1" applyFill="1" applyBorder="1" applyAlignment="1">
      <alignment horizontal="center" vertical="center"/>
    </xf>
    <xf numFmtId="0" fontId="2" fillId="0" borderId="6" xfId="0" applyFont="1" applyBorder="1" applyAlignment="1" applyProtection="1">
      <alignment horizontal="center" vertical="center" wrapText="1"/>
      <protection locked="0"/>
    </xf>
    <xf numFmtId="0" fontId="2" fillId="0" borderId="8" xfId="0" applyFont="1" applyBorder="1" applyAlignment="1" applyProtection="1">
      <alignment horizontal="center" vertical="center" wrapText="1"/>
      <protection locked="0"/>
    </xf>
    <xf numFmtId="0" fontId="2" fillId="0" borderId="6" xfId="0" applyFont="1" applyBorder="1" applyAlignment="1" applyProtection="1">
      <alignment horizontal="left" vertical="center" wrapText="1"/>
      <protection locked="0"/>
    </xf>
    <xf numFmtId="0" fontId="2" fillId="0" borderId="7" xfId="0" applyFont="1" applyBorder="1" applyAlignment="1" applyProtection="1">
      <alignment horizontal="left" vertical="center" wrapText="1"/>
      <protection locked="0"/>
    </xf>
    <xf numFmtId="0" fontId="2" fillId="0" borderId="8" xfId="0" applyFont="1" applyBorder="1" applyAlignment="1" applyProtection="1">
      <alignment horizontal="left" vertical="center" wrapText="1"/>
      <protection locked="0"/>
    </xf>
    <xf numFmtId="0" fontId="7" fillId="0" borderId="4" xfId="0" applyFont="1" applyBorder="1" applyAlignment="1" applyProtection="1">
      <alignment horizontal="center" vertical="center"/>
      <protection locked="0"/>
    </xf>
    <xf numFmtId="0" fontId="7" fillId="0" borderId="26" xfId="0" applyFont="1" applyBorder="1" applyAlignment="1" applyProtection="1">
      <alignment horizontal="center" vertical="center"/>
      <protection locked="0"/>
    </xf>
    <xf numFmtId="0" fontId="42" fillId="0" borderId="6" xfId="0" applyFont="1" applyBorder="1" applyAlignment="1" applyProtection="1">
      <alignment horizontal="left" vertical="center" wrapText="1"/>
      <protection locked="0"/>
    </xf>
    <xf numFmtId="0" fontId="42" fillId="0" borderId="7" xfId="0" applyFont="1" applyBorder="1" applyAlignment="1" applyProtection="1">
      <alignment horizontal="left" vertical="center" wrapText="1"/>
      <protection locked="0"/>
    </xf>
    <xf numFmtId="0" fontId="42" fillId="0" borderId="8" xfId="0" applyFont="1" applyBorder="1" applyAlignment="1" applyProtection="1">
      <alignment horizontal="left" vertical="center" wrapText="1"/>
      <protection locked="0"/>
    </xf>
    <xf numFmtId="0" fontId="2" fillId="0" borderId="6" xfId="0" applyFont="1" applyBorder="1" applyAlignment="1" applyProtection="1">
      <alignment horizontal="left" vertical="center"/>
      <protection locked="0"/>
    </xf>
    <xf numFmtId="0" fontId="2" fillId="0" borderId="7" xfId="0" applyFont="1" applyBorder="1" applyAlignment="1" applyProtection="1">
      <alignment horizontal="left" vertical="center"/>
      <protection locked="0"/>
    </xf>
    <xf numFmtId="165" fontId="2" fillId="0" borderId="4" xfId="0" applyNumberFormat="1" applyFont="1" applyBorder="1" applyAlignment="1" applyProtection="1">
      <alignment horizontal="left" vertical="center" wrapText="1"/>
      <protection locked="0"/>
    </xf>
    <xf numFmtId="0" fontId="3" fillId="0" borderId="4" xfId="0" applyFont="1" applyBorder="1" applyAlignment="1" applyProtection="1">
      <alignment horizontal="center" vertical="center" wrapText="1"/>
      <protection locked="0"/>
    </xf>
    <xf numFmtId="0" fontId="43" fillId="0" borderId="4" xfId="0" applyFont="1" applyBorder="1" applyAlignment="1" applyProtection="1">
      <alignment horizontal="center" vertical="top" wrapText="1"/>
      <protection locked="0"/>
    </xf>
    <xf numFmtId="0" fontId="2" fillId="0" borderId="4" xfId="0" applyFont="1" applyBorder="1" applyAlignment="1" applyProtection="1">
      <alignment horizontal="left" vertical="top" wrapText="1"/>
      <protection locked="0"/>
    </xf>
    <xf numFmtId="0" fontId="3" fillId="0" borderId="14" xfId="0" applyFont="1" applyBorder="1" applyAlignment="1" applyProtection="1">
      <alignment horizontal="center" vertical="center" wrapText="1"/>
      <protection locked="0"/>
    </xf>
    <xf numFmtId="0" fontId="3" fillId="0" borderId="0" xfId="0" applyFont="1" applyBorder="1" applyAlignment="1" applyProtection="1">
      <alignment horizontal="center" vertical="center" wrapText="1"/>
      <protection locked="0"/>
    </xf>
    <xf numFmtId="0" fontId="3" fillId="2" borderId="0" xfId="0" applyFont="1" applyFill="1" applyBorder="1" applyAlignment="1" applyProtection="1">
      <alignment horizontal="left" vertical="center" wrapText="1"/>
      <protection locked="0"/>
    </xf>
    <xf numFmtId="0" fontId="5" fillId="0" borderId="6" xfId="0" applyFont="1" applyBorder="1" applyAlignment="1" applyProtection="1">
      <alignment horizontal="center" vertical="center" wrapText="1"/>
      <protection locked="0"/>
    </xf>
    <xf numFmtId="0" fontId="5" fillId="0" borderId="8" xfId="0" applyFont="1" applyBorder="1" applyAlignment="1" applyProtection="1">
      <alignment horizontal="center" vertical="center" wrapText="1"/>
      <protection locked="0"/>
    </xf>
    <xf numFmtId="0" fontId="35" fillId="0" borderId="4" xfId="0" applyFont="1" applyBorder="1" applyAlignment="1" applyProtection="1">
      <alignment horizontal="center" vertical="center" wrapText="1"/>
      <protection locked="0"/>
    </xf>
    <xf numFmtId="0" fontId="3" fillId="0" borderId="15" xfId="0" applyFont="1" applyBorder="1" applyAlignment="1" applyProtection="1">
      <alignment horizontal="center" vertical="center" wrapText="1"/>
      <protection locked="0"/>
    </xf>
    <xf numFmtId="0" fontId="7" fillId="0" borderId="15" xfId="0" applyFont="1" applyBorder="1" applyAlignment="1" applyProtection="1">
      <alignment horizontal="center" vertical="center" wrapText="1"/>
      <protection locked="0"/>
    </xf>
    <xf numFmtId="0" fontId="7" fillId="0" borderId="4" xfId="0" applyFont="1" applyBorder="1" applyAlignment="1" applyProtection="1">
      <alignment horizontal="center" vertical="center" wrapText="1"/>
      <protection locked="0"/>
    </xf>
    <xf numFmtId="0" fontId="7" fillId="0" borderId="14" xfId="0" applyFont="1" applyBorder="1" applyAlignment="1" applyProtection="1">
      <alignment horizontal="center" vertical="center" wrapText="1"/>
      <protection locked="0"/>
    </xf>
    <xf numFmtId="0" fontId="7" fillId="0" borderId="2" xfId="0" applyFont="1" applyBorder="1" applyAlignment="1" applyProtection="1">
      <alignment horizontal="center" vertical="center" wrapText="1"/>
      <protection locked="0"/>
    </xf>
    <xf numFmtId="0" fontId="7" fillId="0" borderId="10" xfId="0" applyFont="1" applyBorder="1" applyAlignment="1" applyProtection="1">
      <alignment horizontal="center" vertical="center" wrapText="1"/>
      <protection locked="0"/>
    </xf>
    <xf numFmtId="0" fontId="7" fillId="0" borderId="18" xfId="0" applyFont="1" applyBorder="1" applyAlignment="1" applyProtection="1">
      <alignment horizontal="center" vertical="center" wrapText="1"/>
      <protection locked="0"/>
    </xf>
    <xf numFmtId="0" fontId="8" fillId="0" borderId="15" xfId="0" applyFont="1" applyBorder="1" applyAlignment="1" applyProtection="1">
      <alignment horizontal="center" vertical="center" wrapText="1"/>
      <protection locked="0"/>
    </xf>
    <xf numFmtId="0" fontId="8" fillId="0" borderId="4" xfId="0" applyFont="1" applyBorder="1" applyAlignment="1" applyProtection="1">
      <alignment horizontal="center" vertical="center" wrapText="1"/>
      <protection locked="0"/>
    </xf>
    <xf numFmtId="0" fontId="3" fillId="0" borderId="27" xfId="0" applyFont="1" applyBorder="1" applyAlignment="1" applyProtection="1">
      <alignment horizontal="center" vertical="center" wrapText="1"/>
      <protection locked="0"/>
    </xf>
    <xf numFmtId="0" fontId="3" fillId="0" borderId="10" xfId="0" applyFont="1" applyBorder="1" applyAlignment="1" applyProtection="1">
      <alignment horizontal="center" vertical="center" wrapText="1"/>
      <protection locked="0"/>
    </xf>
    <xf numFmtId="0" fontId="0" fillId="0" borderId="7" xfId="0" applyBorder="1" applyAlignment="1">
      <alignment horizontal="left" wrapText="1"/>
    </xf>
    <xf numFmtId="0" fontId="2" fillId="0" borderId="6" xfId="0" applyFont="1" applyBorder="1" applyAlignment="1">
      <alignment horizontal="center" vertical="center" wrapText="1"/>
    </xf>
    <xf numFmtId="0" fontId="2" fillId="0" borderId="8" xfId="0" applyFont="1" applyBorder="1" applyAlignment="1">
      <alignment horizontal="center" vertical="center" wrapText="1"/>
    </xf>
    <xf numFmtId="0" fontId="2" fillId="0" borderId="4" xfId="0" applyFont="1" applyBorder="1" applyAlignment="1" applyProtection="1">
      <alignment horizontal="center" vertical="center" wrapText="1"/>
      <protection locked="0"/>
    </xf>
    <xf numFmtId="0" fontId="2" fillId="0" borderId="4" xfId="0" applyFont="1" applyBorder="1" applyAlignment="1" applyProtection="1">
      <alignment horizontal="center" vertical="top" wrapText="1"/>
      <protection locked="0"/>
    </xf>
    <xf numFmtId="0" fontId="7" fillId="0" borderId="6" xfId="0" applyFont="1" applyBorder="1" applyAlignment="1" applyProtection="1">
      <alignment horizontal="center" vertical="center" wrapText="1"/>
      <protection locked="0"/>
    </xf>
    <xf numFmtId="0" fontId="2" fillId="0" borderId="7" xfId="0" applyFont="1" applyBorder="1" applyAlignment="1" applyProtection="1">
      <alignment horizontal="center" vertical="center" wrapText="1"/>
      <protection locked="0"/>
    </xf>
    <xf numFmtId="0" fontId="7" fillId="0" borderId="7" xfId="0" applyFont="1" applyBorder="1" applyAlignment="1" applyProtection="1">
      <alignment horizontal="center" vertical="center" wrapText="1"/>
      <protection locked="0"/>
    </xf>
    <xf numFmtId="0" fontId="7" fillId="0" borderId="8" xfId="0" applyFont="1" applyBorder="1" applyAlignment="1" applyProtection="1">
      <alignment horizontal="center" vertical="center" wrapText="1"/>
      <protection locked="0"/>
    </xf>
    <xf numFmtId="0" fontId="3" fillId="0" borderId="22" xfId="0" applyFont="1" applyBorder="1" applyAlignment="1" applyProtection="1">
      <alignment horizontal="center" vertical="center" wrapText="1"/>
      <protection locked="0"/>
    </xf>
    <xf numFmtId="0" fontId="7" fillId="0" borderId="16" xfId="0" applyFont="1" applyBorder="1" applyAlignment="1" applyProtection="1">
      <alignment horizontal="center" vertical="center" wrapText="1"/>
      <protection locked="0"/>
    </xf>
    <xf numFmtId="0" fontId="7" fillId="0" borderId="17" xfId="0" applyFont="1" applyBorder="1" applyAlignment="1" applyProtection="1">
      <alignment horizontal="center" vertical="center" wrapText="1"/>
      <protection locked="0"/>
    </xf>
    <xf numFmtId="0" fontId="2" fillId="0" borderId="4" xfId="0" applyFont="1" applyBorder="1" applyAlignment="1" applyProtection="1">
      <alignment horizontal="left" vertical="center" wrapText="1"/>
      <protection locked="0"/>
    </xf>
    <xf numFmtId="0" fontId="3" fillId="0" borderId="16" xfId="0" applyFont="1" applyBorder="1" applyAlignment="1" applyProtection="1">
      <alignment horizontal="center" vertical="center" wrapText="1"/>
      <protection locked="0"/>
    </xf>
    <xf numFmtId="0" fontId="14" fillId="0" borderId="2" xfId="0" applyFont="1" applyBorder="1" applyAlignment="1" applyProtection="1">
      <alignment horizontal="left" vertical="top" wrapText="1"/>
      <protection locked="0"/>
    </xf>
    <xf numFmtId="167" fontId="2" fillId="0" borderId="6" xfId="2" applyNumberFormat="1" applyFont="1" applyBorder="1" applyAlignment="1" applyProtection="1">
      <alignment horizontal="left" vertical="center" wrapText="1"/>
      <protection locked="0"/>
    </xf>
    <xf numFmtId="167" fontId="2" fillId="0" borderId="8" xfId="2" applyNumberFormat="1" applyFont="1" applyBorder="1" applyAlignment="1" applyProtection="1">
      <alignment horizontal="left" vertical="center" wrapText="1"/>
      <protection locked="0"/>
    </xf>
    <xf numFmtId="0" fontId="3" fillId="2" borderId="0" xfId="0" applyFont="1" applyFill="1" applyBorder="1" applyAlignment="1" applyProtection="1">
      <alignment horizontal="left" vertical="center" wrapText="1" indent="4"/>
      <protection locked="0"/>
    </xf>
    <xf numFmtId="0" fontId="3" fillId="0" borderId="26" xfId="0" applyFont="1" applyBorder="1" applyAlignment="1" applyProtection="1">
      <alignment horizontal="center" vertical="center" wrapText="1"/>
      <protection locked="0"/>
    </xf>
    <xf numFmtId="0" fontId="6" fillId="2" borderId="4" xfId="0" applyFont="1" applyFill="1" applyBorder="1" applyAlignment="1" applyProtection="1">
      <alignment horizontal="center" vertical="center" wrapText="1"/>
      <protection locked="0"/>
    </xf>
    <xf numFmtId="0" fontId="39" fillId="0" borderId="4" xfId="3" applyBorder="1" applyAlignment="1" applyProtection="1">
      <alignment horizontal="left" vertical="center" wrapText="1"/>
      <protection locked="0"/>
    </xf>
    <xf numFmtId="0" fontId="2" fillId="0" borderId="23" xfId="0" applyFont="1" applyBorder="1" applyAlignment="1" applyProtection="1">
      <alignment horizontal="center" vertical="top" wrapText="1"/>
      <protection locked="0"/>
    </xf>
    <xf numFmtId="0" fontId="2" fillId="0" borderId="24" xfId="0" applyFont="1" applyBorder="1" applyAlignment="1" applyProtection="1">
      <alignment horizontal="center" vertical="top" wrapText="1"/>
      <protection locked="0"/>
    </xf>
    <xf numFmtId="0" fontId="2" fillId="0" borderId="10" xfId="0" applyFont="1" applyBorder="1" applyAlignment="1" applyProtection="1">
      <alignment horizontal="center" vertical="top" wrapText="1"/>
      <protection locked="0"/>
    </xf>
    <xf numFmtId="0" fontId="2" fillId="0" borderId="3" xfId="0" applyFont="1" applyBorder="1" applyAlignment="1" applyProtection="1">
      <alignment horizontal="center" vertical="top" wrapText="1"/>
      <protection locked="0"/>
    </xf>
    <xf numFmtId="0" fontId="2" fillId="0" borderId="25" xfId="0" applyFont="1" applyBorder="1" applyAlignment="1" applyProtection="1">
      <alignment horizontal="center" vertical="top" wrapText="1"/>
      <protection locked="0"/>
    </xf>
    <xf numFmtId="0" fontId="2" fillId="0" borderId="18" xfId="0" applyFont="1" applyBorder="1" applyAlignment="1" applyProtection="1">
      <alignment horizontal="center" vertical="top" wrapText="1"/>
      <protection locked="0"/>
    </xf>
    <xf numFmtId="0" fontId="3" fillId="0" borderId="6" xfId="0" applyFont="1" applyBorder="1" applyAlignment="1" applyProtection="1">
      <alignment horizontal="left" vertical="center" wrapText="1"/>
      <protection locked="0"/>
    </xf>
    <xf numFmtId="0" fontId="3" fillId="0" borderId="7" xfId="0" applyFont="1" applyBorder="1" applyAlignment="1" applyProtection="1">
      <alignment horizontal="left" vertical="center" wrapText="1"/>
      <protection locked="0"/>
    </xf>
    <xf numFmtId="0" fontId="3" fillId="0" borderId="8" xfId="0" applyFont="1" applyBorder="1" applyAlignment="1" applyProtection="1">
      <alignment horizontal="left" vertical="center" wrapText="1"/>
      <protection locked="0"/>
    </xf>
    <xf numFmtId="0" fontId="3" fillId="0" borderId="0" xfId="0" applyFont="1" applyBorder="1" applyAlignment="1" applyProtection="1">
      <alignment horizontal="left" vertical="center" wrapText="1"/>
      <protection locked="0"/>
    </xf>
    <xf numFmtId="0" fontId="2" fillId="0" borderId="6"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0" fontId="2" fillId="0" borderId="8" xfId="0" applyFont="1" applyFill="1" applyBorder="1" applyAlignment="1" applyProtection="1">
      <alignment horizontal="left" vertical="center" wrapText="1"/>
      <protection locked="0"/>
    </xf>
    <xf numFmtId="21" fontId="2" fillId="0" borderId="6" xfId="0" quotePrefix="1" applyNumberFormat="1" applyFont="1" applyBorder="1" applyAlignment="1" applyProtection="1">
      <alignment horizontal="right" vertical="center" wrapText="1"/>
      <protection locked="0"/>
    </xf>
    <xf numFmtId="21" fontId="2" fillId="0" borderId="7" xfId="0" quotePrefix="1" applyNumberFormat="1" applyFont="1" applyBorder="1" applyAlignment="1" applyProtection="1">
      <alignment horizontal="right" vertical="center" wrapText="1"/>
      <protection locked="0"/>
    </xf>
    <xf numFmtId="21" fontId="2" fillId="0" borderId="8" xfId="0" quotePrefix="1" applyNumberFormat="1" applyFont="1" applyBorder="1" applyAlignment="1" applyProtection="1">
      <alignment horizontal="right" vertical="center" wrapText="1"/>
      <protection locked="0"/>
    </xf>
    <xf numFmtId="0" fontId="6" fillId="0" borderId="6" xfId="0" applyFont="1" applyBorder="1" applyAlignment="1" applyProtection="1">
      <alignment horizontal="left" vertical="center" wrapText="1"/>
      <protection locked="0"/>
    </xf>
    <xf numFmtId="0" fontId="6" fillId="0" borderId="7" xfId="0" applyFont="1" applyBorder="1" applyAlignment="1" applyProtection="1">
      <alignment horizontal="left" vertical="center" wrapText="1"/>
      <protection locked="0"/>
    </xf>
    <xf numFmtId="0" fontId="6" fillId="0" borderId="8" xfId="0" applyFont="1" applyBorder="1" applyAlignment="1" applyProtection="1">
      <alignment horizontal="left" vertical="center" wrapText="1"/>
      <protection locked="0"/>
    </xf>
    <xf numFmtId="0" fontId="7" fillId="0" borderId="6" xfId="0" applyFont="1" applyBorder="1" applyAlignment="1" applyProtection="1">
      <alignment horizontal="left" vertical="center" wrapText="1"/>
      <protection locked="0"/>
    </xf>
    <xf numFmtId="0" fontId="7" fillId="0" borderId="7" xfId="0" applyFont="1" applyBorder="1" applyAlignment="1" applyProtection="1">
      <alignment horizontal="left" vertical="center" wrapText="1"/>
      <protection locked="0"/>
    </xf>
    <xf numFmtId="0" fontId="7" fillId="0" borderId="8" xfId="0" applyFont="1" applyBorder="1" applyAlignment="1" applyProtection="1">
      <alignment horizontal="left" vertical="center" wrapText="1"/>
      <protection locked="0"/>
    </xf>
    <xf numFmtId="0" fontId="30" fillId="2" borderId="0" xfId="0" applyFont="1" applyFill="1" applyAlignment="1" applyProtection="1">
      <alignment horizontal="center"/>
      <protection locked="0"/>
    </xf>
    <xf numFmtId="0" fontId="2" fillId="2" borderId="0" xfId="0" applyFont="1" applyFill="1" applyAlignment="1" applyProtection="1">
      <alignment horizontal="center"/>
      <protection locked="0"/>
    </xf>
    <xf numFmtId="0" fontId="3" fillId="2" borderId="3" xfId="0" applyFont="1" applyFill="1" applyBorder="1" applyAlignment="1" applyProtection="1">
      <alignment horizontal="center" vertical="center" wrapText="1"/>
      <protection locked="0"/>
    </xf>
    <xf numFmtId="0" fontId="3" fillId="3" borderId="4" xfId="0" applyFont="1" applyFill="1" applyBorder="1" applyAlignment="1" applyProtection="1">
      <alignment horizontal="center" vertical="center" wrapText="1"/>
      <protection locked="0"/>
    </xf>
    <xf numFmtId="0" fontId="3" fillId="0" borderId="15" xfId="0" applyNumberFormat="1" applyFont="1" applyBorder="1" applyAlignment="1" applyProtection="1">
      <alignment horizontal="left" vertical="center" wrapText="1"/>
      <protection locked="0"/>
    </xf>
    <xf numFmtId="14" fontId="3" fillId="0" borderId="4" xfId="0" applyNumberFormat="1" applyFont="1" applyBorder="1" applyAlignment="1" applyProtection="1">
      <alignment horizontal="left" vertical="center" wrapText="1"/>
      <protection locked="0"/>
    </xf>
    <xf numFmtId="0" fontId="2" fillId="2" borderId="0" xfId="0" applyFont="1" applyFill="1" applyBorder="1" applyAlignment="1" applyProtection="1">
      <alignment horizontal="center"/>
      <protection locked="0"/>
    </xf>
    <xf numFmtId="0" fontId="2" fillId="0" borderId="15" xfId="0" applyFont="1" applyBorder="1" applyAlignment="1" applyProtection="1">
      <alignment horizontal="left" vertical="top" wrapText="1"/>
      <protection locked="0"/>
    </xf>
    <xf numFmtId="0" fontId="7" fillId="0" borderId="4" xfId="0" applyFont="1" applyBorder="1" applyAlignment="1" applyProtection="1">
      <alignment horizontal="left" vertical="center" wrapText="1"/>
      <protection locked="0"/>
    </xf>
    <xf numFmtId="0" fontId="3" fillId="0" borderId="6" xfId="0" applyFont="1" applyBorder="1" applyAlignment="1" applyProtection="1">
      <alignment horizontal="center" vertical="center" wrapText="1"/>
      <protection locked="0"/>
    </xf>
    <xf numFmtId="0" fontId="3" fillId="0" borderId="7" xfId="0" applyFont="1" applyBorder="1" applyAlignment="1" applyProtection="1">
      <alignment horizontal="center" vertical="center" wrapText="1"/>
      <protection locked="0"/>
    </xf>
    <xf numFmtId="0" fontId="3" fillId="0" borderId="8" xfId="0" applyFont="1" applyBorder="1" applyAlignment="1" applyProtection="1">
      <alignment horizontal="center" vertical="center" wrapText="1"/>
      <protection locked="0"/>
    </xf>
    <xf numFmtId="0" fontId="2" fillId="0" borderId="0" xfId="0" applyFont="1" applyBorder="1" applyAlignment="1" applyProtection="1">
      <alignment horizontal="center"/>
      <protection locked="0"/>
    </xf>
    <xf numFmtId="0" fontId="4" fillId="2" borderId="0" xfId="0" applyFont="1" applyFill="1" applyAlignment="1" applyProtection="1">
      <alignment horizontal="left" vertical="center" wrapText="1"/>
      <protection locked="0"/>
    </xf>
    <xf numFmtId="0" fontId="1" fillId="4" borderId="4" xfId="0" applyFont="1" applyFill="1" applyBorder="1" applyAlignment="1" applyProtection="1">
      <alignment horizontal="center" vertical="center" wrapText="1"/>
      <protection locked="0"/>
    </xf>
    <xf numFmtId="0" fontId="3" fillId="0" borderId="11" xfId="0" applyFont="1" applyBorder="1" applyAlignment="1" applyProtection="1">
      <alignment horizontal="left" vertical="center" wrapText="1"/>
      <protection locked="0"/>
    </xf>
    <xf numFmtId="0" fontId="3" fillId="0" borderId="12" xfId="0" applyFont="1" applyBorder="1" applyAlignment="1" applyProtection="1">
      <alignment horizontal="left" vertical="center" wrapText="1"/>
      <protection locked="0"/>
    </xf>
    <xf numFmtId="0" fontId="3" fillId="0" borderId="13" xfId="0" applyFont="1" applyBorder="1" applyAlignment="1" applyProtection="1">
      <alignment horizontal="left" vertical="center" wrapText="1"/>
      <protection locked="0"/>
    </xf>
    <xf numFmtId="0" fontId="3" fillId="5" borderId="4" xfId="0" applyFont="1" applyFill="1" applyBorder="1" applyAlignment="1" applyProtection="1">
      <alignment horizontal="center" vertical="center" wrapText="1"/>
      <protection locked="0"/>
    </xf>
    <xf numFmtId="0" fontId="2" fillId="0" borderId="6" xfId="0" quotePrefix="1" applyFont="1" applyBorder="1" applyAlignment="1" applyProtection="1">
      <alignment horizontal="left" vertical="center" wrapText="1"/>
      <protection locked="0"/>
    </xf>
    <xf numFmtId="0" fontId="3" fillId="7" borderId="6" xfId="0" applyFont="1" applyFill="1" applyBorder="1" applyAlignment="1" applyProtection="1">
      <alignment horizontal="center" vertical="center" wrapText="1"/>
      <protection locked="0"/>
    </xf>
    <xf numFmtId="0" fontId="3" fillId="7" borderId="7" xfId="0" applyFont="1" applyFill="1" applyBorder="1" applyAlignment="1" applyProtection="1">
      <alignment horizontal="center" vertical="center" wrapText="1"/>
      <protection locked="0"/>
    </xf>
    <xf numFmtId="0" fontId="3" fillId="7" borderId="8" xfId="0" applyFont="1" applyFill="1" applyBorder="1" applyAlignment="1" applyProtection="1">
      <alignment horizontal="center" vertical="center" wrapText="1"/>
      <protection locked="0"/>
    </xf>
    <xf numFmtId="0" fontId="3" fillId="0" borderId="10" xfId="0" applyFont="1" applyBorder="1" applyAlignment="1" applyProtection="1">
      <alignment horizontal="left" vertical="center" wrapText="1"/>
      <protection locked="0"/>
    </xf>
    <xf numFmtId="0" fontId="3" fillId="0" borderId="3" xfId="0" applyFont="1" applyBorder="1" applyAlignment="1" applyProtection="1">
      <alignment horizontal="left" vertical="center" wrapText="1"/>
      <protection locked="0"/>
    </xf>
    <xf numFmtId="0" fontId="3" fillId="0" borderId="15" xfId="0" applyFont="1" applyBorder="1" applyAlignment="1" applyProtection="1">
      <alignment horizontal="left" vertical="center" wrapText="1"/>
      <protection locked="0"/>
    </xf>
    <xf numFmtId="0" fontId="3" fillId="0" borderId="4" xfId="0" applyFont="1" applyBorder="1" applyAlignment="1" applyProtection="1">
      <alignment horizontal="left" vertical="center" wrapText="1"/>
      <protection locked="0"/>
    </xf>
    <xf numFmtId="14" fontId="3" fillId="0" borderId="14" xfId="0" applyNumberFormat="1" applyFont="1" applyBorder="1" applyAlignment="1" applyProtection="1">
      <alignment horizontal="left" vertical="center" wrapText="1"/>
      <protection locked="0"/>
    </xf>
    <xf numFmtId="14" fontId="3" fillId="0" borderId="0" xfId="0" applyNumberFormat="1" applyFont="1" applyBorder="1" applyAlignment="1" applyProtection="1">
      <alignment horizontal="left" vertical="center" wrapText="1"/>
      <protection locked="0"/>
    </xf>
    <xf numFmtId="14" fontId="3" fillId="0" borderId="2" xfId="0" applyNumberFormat="1" applyFont="1" applyBorder="1" applyAlignment="1" applyProtection="1">
      <alignment horizontal="left" vertical="center" wrapText="1"/>
      <protection locked="0"/>
    </xf>
    <xf numFmtId="165" fontId="3" fillId="0" borderId="6" xfId="0" applyNumberFormat="1" applyFont="1" applyBorder="1" applyAlignment="1" applyProtection="1">
      <alignment horizontal="left" vertical="center" wrapText="1"/>
      <protection locked="0"/>
    </xf>
    <xf numFmtId="165" fontId="3" fillId="0" borderId="7" xfId="0" applyNumberFormat="1" applyFont="1" applyBorder="1" applyAlignment="1" applyProtection="1">
      <alignment horizontal="left" vertical="center" wrapText="1"/>
      <protection locked="0"/>
    </xf>
    <xf numFmtId="165" fontId="3" fillId="0" borderId="8" xfId="0" applyNumberFormat="1" applyFont="1" applyBorder="1" applyAlignment="1" applyProtection="1">
      <alignment horizontal="left" vertical="center" wrapText="1"/>
      <protection locked="0"/>
    </xf>
    <xf numFmtId="0" fontId="2" fillId="0" borderId="15" xfId="0" applyFont="1" applyBorder="1" applyAlignment="1" applyProtection="1">
      <alignment horizontal="left" vertical="center" wrapText="1"/>
      <protection locked="0"/>
    </xf>
    <xf numFmtId="0" fontId="6" fillId="0" borderId="6" xfId="0" applyFont="1" applyBorder="1" applyAlignment="1" applyProtection="1">
      <alignment horizontal="center" vertical="center" wrapText="1"/>
      <protection locked="0"/>
    </xf>
    <xf numFmtId="0" fontId="6" fillId="0" borderId="7" xfId="0" applyFont="1" applyBorder="1" applyAlignment="1" applyProtection="1">
      <alignment horizontal="center" vertical="center" wrapText="1"/>
      <protection locked="0"/>
    </xf>
    <xf numFmtId="0" fontId="6" fillId="0" borderId="8" xfId="0" applyFont="1" applyBorder="1" applyAlignment="1" applyProtection="1">
      <alignment horizontal="center" vertical="center" wrapText="1"/>
      <protection locked="0"/>
    </xf>
    <xf numFmtId="0" fontId="2" fillId="0" borderId="26" xfId="0" applyFont="1" applyBorder="1" applyAlignment="1" applyProtection="1">
      <alignment horizontal="left" vertical="center" wrapText="1"/>
      <protection locked="0"/>
    </xf>
    <xf numFmtId="0" fontId="2" fillId="0" borderId="23" xfId="0" applyFont="1" applyBorder="1" applyAlignment="1" applyProtection="1">
      <alignment horizontal="left" vertical="top" wrapText="1"/>
      <protection locked="0"/>
    </xf>
    <xf numFmtId="0" fontId="2" fillId="0" borderId="24" xfId="0" applyFont="1" applyBorder="1" applyAlignment="1" applyProtection="1">
      <alignment horizontal="left" vertical="top" wrapText="1"/>
      <protection locked="0"/>
    </xf>
    <xf numFmtId="0" fontId="2" fillId="0" borderId="25" xfId="0" applyFont="1" applyBorder="1" applyAlignment="1" applyProtection="1">
      <alignment horizontal="left" vertical="top" wrapText="1"/>
      <protection locked="0"/>
    </xf>
    <xf numFmtId="0" fontId="2" fillId="0" borderId="14" xfId="0" applyFont="1" applyBorder="1" applyAlignment="1" applyProtection="1">
      <alignment horizontal="left" vertical="top" wrapText="1"/>
      <protection locked="0"/>
    </xf>
    <xf numFmtId="0" fontId="2" fillId="0" borderId="0" xfId="0" applyFont="1" applyBorder="1" applyAlignment="1" applyProtection="1">
      <alignment horizontal="left" vertical="top" wrapText="1"/>
      <protection locked="0"/>
    </xf>
    <xf numFmtId="0" fontId="2" fillId="0" borderId="2" xfId="0" applyFont="1" applyBorder="1" applyAlignment="1" applyProtection="1">
      <alignment horizontal="left" vertical="top" wrapText="1"/>
      <protection locked="0"/>
    </xf>
    <xf numFmtId="0" fontId="2" fillId="0" borderId="10" xfId="0" applyFont="1" applyBorder="1" applyAlignment="1" applyProtection="1">
      <alignment horizontal="left" vertical="top" wrapText="1"/>
      <protection locked="0"/>
    </xf>
    <xf numFmtId="0" fontId="2" fillId="0" borderId="3" xfId="0" applyFont="1" applyBorder="1" applyAlignment="1" applyProtection="1">
      <alignment horizontal="left" vertical="top" wrapText="1"/>
      <protection locked="0"/>
    </xf>
    <xf numFmtId="0" fontId="2" fillId="0" borderId="18" xfId="0" applyFont="1" applyBorder="1" applyAlignment="1" applyProtection="1">
      <alignment horizontal="left" vertical="top" wrapText="1"/>
      <protection locked="0"/>
    </xf>
    <xf numFmtId="0" fontId="2" fillId="0" borderId="6" xfId="0" applyFont="1" applyBorder="1" applyAlignment="1" applyProtection="1">
      <alignment horizontal="left" vertical="top" wrapText="1"/>
      <protection locked="0"/>
    </xf>
    <xf numFmtId="0" fontId="2" fillId="0" borderId="7" xfId="0" applyFont="1" applyBorder="1" applyAlignment="1" applyProtection="1">
      <alignment horizontal="left" vertical="top" wrapText="1"/>
      <protection locked="0"/>
    </xf>
    <xf numFmtId="0" fontId="2" fillId="0" borderId="8" xfId="0" applyFont="1" applyBorder="1" applyAlignment="1" applyProtection="1">
      <alignment horizontal="left" vertical="top" wrapText="1"/>
      <protection locked="0"/>
    </xf>
    <xf numFmtId="0" fontId="37" fillId="2" borderId="0" xfId="0" applyFont="1" applyFill="1" applyAlignment="1" applyProtection="1">
      <alignment horizontal="center" vertical="center" wrapText="1"/>
      <protection locked="0"/>
    </xf>
    <xf numFmtId="0" fontId="3" fillId="0" borderId="19" xfId="0" applyFont="1" applyBorder="1" applyAlignment="1" applyProtection="1">
      <alignment horizontal="center" vertical="center" wrapText="1"/>
      <protection locked="0"/>
    </xf>
    <xf numFmtId="0" fontId="3" fillId="0" borderId="20" xfId="0" applyFont="1" applyBorder="1" applyAlignment="1" applyProtection="1">
      <alignment horizontal="center" vertical="center" wrapText="1"/>
      <protection locked="0"/>
    </xf>
    <xf numFmtId="0" fontId="3" fillId="0" borderId="21" xfId="0" applyFont="1" applyBorder="1" applyAlignment="1" applyProtection="1">
      <alignment horizontal="center" vertical="center" wrapText="1"/>
      <protection locked="0"/>
    </xf>
    <xf numFmtId="0" fontId="3" fillId="0" borderId="28" xfId="0" applyFont="1" applyBorder="1" applyAlignment="1" applyProtection="1">
      <alignment horizontal="center" vertical="center" wrapText="1"/>
      <protection locked="0"/>
    </xf>
    <xf numFmtId="0" fontId="18" fillId="8" borderId="4" xfId="0" applyFont="1" applyFill="1" applyBorder="1" applyAlignment="1">
      <alignment horizontal="center" vertical="center" wrapText="1"/>
    </xf>
    <xf numFmtId="0" fontId="25" fillId="0" borderId="6" xfId="0" applyFont="1" applyBorder="1" applyAlignment="1">
      <alignment horizontal="left" vertical="center" wrapText="1"/>
    </xf>
    <xf numFmtId="0" fontId="25" fillId="0" borderId="7" xfId="0" applyFont="1" applyBorder="1" applyAlignment="1">
      <alignment horizontal="left" vertical="center" wrapText="1"/>
    </xf>
    <xf numFmtId="0" fontId="25" fillId="0" borderId="8" xfId="0" applyFont="1" applyBorder="1" applyAlignment="1">
      <alignment horizontal="left" vertical="center" wrapText="1"/>
    </xf>
    <xf numFmtId="0" fontId="22" fillId="0" borderId="6" xfId="0" applyFont="1" applyBorder="1" applyAlignment="1">
      <alignment horizontal="left" vertical="center" wrapText="1"/>
    </xf>
    <xf numFmtId="0" fontId="22" fillId="0" borderId="7" xfId="0" applyFont="1" applyBorder="1" applyAlignment="1">
      <alignment horizontal="left" vertical="center" wrapText="1"/>
    </xf>
    <xf numFmtId="0" fontId="22" fillId="0" borderId="8" xfId="0" applyFont="1" applyBorder="1" applyAlignment="1">
      <alignment horizontal="left" vertical="center" wrapText="1"/>
    </xf>
    <xf numFmtId="0" fontId="24" fillId="0" borderId="6" xfId="0" applyFont="1" applyBorder="1" applyAlignment="1">
      <alignment horizontal="left" vertical="center" wrapText="1"/>
    </xf>
    <xf numFmtId="0" fontId="24" fillId="0" borderId="7" xfId="0" applyFont="1" applyBorder="1" applyAlignment="1">
      <alignment horizontal="left" vertical="center" wrapText="1"/>
    </xf>
    <xf numFmtId="0" fontId="24" fillId="0" borderId="8" xfId="0" applyFont="1" applyBorder="1" applyAlignment="1">
      <alignment horizontal="left" vertical="center" wrapText="1"/>
    </xf>
    <xf numFmtId="0" fontId="48" fillId="11" borderId="15" xfId="0" applyFont="1" applyFill="1" applyBorder="1" applyAlignment="1" applyProtection="1">
      <alignment horizontal="center" vertical="center" wrapText="1"/>
      <protection locked="0"/>
    </xf>
    <xf numFmtId="0" fontId="48" fillId="11" borderId="4" xfId="0" applyFont="1" applyFill="1" applyBorder="1" applyAlignment="1" applyProtection="1">
      <alignment horizontal="center" vertical="center" wrapText="1"/>
      <protection locked="0"/>
    </xf>
    <xf numFmtId="0" fontId="48" fillId="11" borderId="22" xfId="0" applyFont="1" applyFill="1" applyBorder="1" applyAlignment="1" applyProtection="1">
      <alignment horizontal="center" vertical="center" wrapText="1"/>
      <protection locked="0"/>
    </xf>
    <xf numFmtId="2" fontId="51" fillId="12" borderId="4" xfId="0" applyNumberFormat="1" applyFont="1" applyFill="1" applyBorder="1" applyAlignment="1">
      <alignment horizontal="center" vertical="center" wrapText="1"/>
    </xf>
    <xf numFmtId="2" fontId="51" fillId="12" borderId="4" xfId="0" applyNumberFormat="1" applyFont="1" applyFill="1" applyBorder="1" applyAlignment="1">
      <alignment horizontal="center" vertical="center"/>
    </xf>
    <xf numFmtId="2" fontId="48" fillId="11" borderId="15" xfId="0" applyNumberFormat="1" applyFont="1" applyFill="1" applyBorder="1" applyAlignment="1" applyProtection="1">
      <alignment horizontal="center" vertical="center" wrapText="1"/>
      <protection locked="0"/>
    </xf>
    <xf numFmtId="2" fontId="48" fillId="11" borderId="4" xfId="0" applyNumberFormat="1" applyFont="1" applyFill="1" applyBorder="1" applyAlignment="1" applyProtection="1">
      <alignment horizontal="center" vertical="center" wrapText="1"/>
      <protection locked="0"/>
    </xf>
    <xf numFmtId="164" fontId="48" fillId="12" borderId="22" xfId="0" applyNumberFormat="1" applyFont="1" applyFill="1" applyBorder="1" applyAlignment="1" applyProtection="1">
      <alignment horizontal="center" vertical="center" wrapText="1"/>
      <protection locked="0"/>
    </xf>
    <xf numFmtId="164" fontId="48" fillId="12" borderId="15" xfId="0" applyNumberFormat="1" applyFont="1" applyFill="1" applyBorder="1" applyAlignment="1" applyProtection="1">
      <alignment horizontal="center" vertical="center" wrapText="1"/>
      <protection locked="0"/>
    </xf>
    <xf numFmtId="0" fontId="51" fillId="12" borderId="4" xfId="0" applyFont="1" applyFill="1" applyBorder="1" applyAlignment="1">
      <alignment horizontal="center" vertical="center" wrapText="1"/>
    </xf>
    <xf numFmtId="0" fontId="51" fillId="12" borderId="4" xfId="0" applyFont="1" applyFill="1" applyBorder="1" applyAlignment="1">
      <alignment horizontal="center" vertical="center"/>
    </xf>
    <xf numFmtId="0" fontId="48" fillId="0" borderId="15" xfId="0" applyFont="1" applyBorder="1" applyAlignment="1" applyProtection="1">
      <alignment horizontal="center" vertical="center" wrapText="1"/>
      <protection locked="0"/>
    </xf>
    <xf numFmtId="0" fontId="48" fillId="0" borderId="4" xfId="0" applyFont="1" applyBorder="1" applyAlignment="1" applyProtection="1">
      <alignment horizontal="center" vertical="center"/>
      <protection locked="0"/>
    </xf>
    <xf numFmtId="0" fontId="49" fillId="11" borderId="31" xfId="0" applyFont="1" applyFill="1" applyBorder="1" applyAlignment="1">
      <alignment horizontal="center" vertical="center"/>
    </xf>
    <xf numFmtId="0" fontId="49" fillId="11" borderId="32" xfId="0" applyFont="1" applyFill="1" applyBorder="1" applyAlignment="1">
      <alignment horizontal="center" vertical="center"/>
    </xf>
    <xf numFmtId="0" fontId="49" fillId="11" borderId="4" xfId="0" applyFont="1" applyFill="1" applyBorder="1" applyAlignment="1">
      <alignment horizontal="center" vertical="center"/>
    </xf>
    <xf numFmtId="0" fontId="49" fillId="11" borderId="26" xfId="0" applyFont="1" applyFill="1" applyBorder="1" applyAlignment="1">
      <alignment horizontal="center" vertical="center"/>
    </xf>
    <xf numFmtId="0" fontId="40" fillId="0" borderId="4" xfId="0" applyFont="1" applyBorder="1" applyAlignment="1" applyProtection="1">
      <alignment horizontal="center" vertical="center" wrapText="1"/>
      <protection locked="0"/>
    </xf>
    <xf numFmtId="0" fontId="40" fillId="0" borderId="26" xfId="0" applyFont="1" applyBorder="1" applyAlignment="1" applyProtection="1">
      <alignment horizontal="center" vertical="center" wrapText="1"/>
      <protection locked="0"/>
    </xf>
    <xf numFmtId="0" fontId="50" fillId="11" borderId="8" xfId="0" applyFont="1" applyFill="1" applyBorder="1" applyAlignment="1">
      <alignment horizontal="center" vertical="center"/>
    </xf>
    <xf numFmtId="0" fontId="50" fillId="11" borderId="25" xfId="0" applyFont="1" applyFill="1" applyBorder="1" applyAlignment="1">
      <alignment horizontal="center" vertical="center"/>
    </xf>
    <xf numFmtId="0" fontId="50" fillId="11" borderId="31" xfId="0" applyFont="1" applyFill="1" applyBorder="1" applyAlignment="1">
      <alignment horizontal="center" vertical="center"/>
    </xf>
    <xf numFmtId="0" fontId="50" fillId="11" borderId="32" xfId="0" applyFont="1" applyFill="1" applyBorder="1" applyAlignment="1">
      <alignment horizontal="center" vertical="center"/>
    </xf>
    <xf numFmtId="0" fontId="50" fillId="11" borderId="4" xfId="0" applyFont="1" applyFill="1" applyBorder="1" applyAlignment="1">
      <alignment horizontal="center" vertical="center"/>
    </xf>
    <xf numFmtId="0" fontId="50" fillId="11" borderId="26" xfId="0" applyFont="1" applyFill="1" applyBorder="1" applyAlignment="1">
      <alignment horizontal="center" vertical="center"/>
    </xf>
    <xf numFmtId="0" fontId="44" fillId="10" borderId="29" xfId="0" applyFont="1" applyFill="1" applyBorder="1" applyAlignment="1">
      <alignment horizontal="center" vertical="center"/>
    </xf>
    <xf numFmtId="0" fontId="44" fillId="10" borderId="3" xfId="0" applyFont="1" applyFill="1" applyBorder="1" applyAlignment="1">
      <alignment horizontal="center" vertical="center"/>
    </xf>
    <xf numFmtId="0" fontId="1" fillId="0" borderId="30" xfId="0" applyFont="1" applyBorder="1" applyAlignment="1" applyProtection="1">
      <alignment horizontal="center" vertical="center" wrapText="1"/>
      <protection locked="0"/>
    </xf>
    <xf numFmtId="0" fontId="1" fillId="0" borderId="20" xfId="0" applyFont="1" applyBorder="1" applyAlignment="1" applyProtection="1">
      <alignment horizontal="center" vertical="center" wrapText="1"/>
      <protection locked="0"/>
    </xf>
    <xf numFmtId="0" fontId="1" fillId="0" borderId="21" xfId="0" applyFont="1" applyBorder="1" applyAlignment="1" applyProtection="1">
      <alignment horizontal="center" vertical="center" wrapText="1"/>
      <protection locked="0"/>
    </xf>
    <xf numFmtId="0" fontId="48" fillId="0" borderId="4" xfId="0" applyFont="1" applyBorder="1" applyAlignment="1" applyProtection="1">
      <alignment horizontal="center" vertical="center" wrapText="1"/>
      <protection locked="0"/>
    </xf>
    <xf numFmtId="0" fontId="51" fillId="0" borderId="22" xfId="0" applyFont="1" applyBorder="1" applyAlignment="1" applyProtection="1">
      <alignment horizontal="center" vertical="center" wrapText="1"/>
      <protection locked="0"/>
    </xf>
    <xf numFmtId="0" fontId="51" fillId="0" borderId="15" xfId="0" applyFont="1" applyBorder="1" applyAlignment="1" applyProtection="1">
      <alignment horizontal="center" vertical="center" wrapText="1"/>
      <protection locked="0"/>
    </xf>
    <xf numFmtId="43" fontId="51" fillId="12" borderId="22" xfId="4" applyFont="1" applyFill="1" applyBorder="1" applyAlignment="1" applyProtection="1">
      <alignment horizontal="center" vertical="center" wrapText="1"/>
      <protection locked="0"/>
    </xf>
    <xf numFmtId="43" fontId="51" fillId="12" borderId="15" xfId="4" applyFont="1" applyFill="1" applyBorder="1" applyAlignment="1" applyProtection="1">
      <alignment horizontal="center" vertical="center" wrapText="1"/>
      <protection locked="0"/>
    </xf>
    <xf numFmtId="0" fontId="0" fillId="2" borderId="0" xfId="0" applyFill="1" applyAlignment="1">
      <alignment horizontal="left" vertical="center"/>
    </xf>
    <xf numFmtId="0" fontId="59" fillId="2" borderId="0" xfId="0" applyFont="1" applyFill="1" applyAlignment="1">
      <alignment horizontal="left" wrapText="1"/>
    </xf>
    <xf numFmtId="0" fontId="10" fillId="0" borderId="0" xfId="0" applyFont="1" applyAlignment="1">
      <alignment horizontal="center"/>
    </xf>
    <xf numFmtId="0" fontId="0" fillId="6" borderId="0" xfId="0" applyFill="1" applyAlignment="1">
      <alignment horizontal="center" wrapText="1"/>
    </xf>
    <xf numFmtId="0" fontId="0" fillId="0" borderId="4" xfId="0" applyBorder="1" applyAlignment="1">
      <alignment horizontal="center" vertical="center"/>
    </xf>
    <xf numFmtId="0" fontId="0" fillId="0" borderId="4" xfId="0" applyBorder="1" applyAlignment="1">
      <alignment horizontal="center" vertical="center" wrapText="1"/>
    </xf>
    <xf numFmtId="0" fontId="57" fillId="0" borderId="4" xfId="0" applyFont="1" applyBorder="1" applyAlignment="1">
      <alignment horizontal="center" vertical="center"/>
    </xf>
    <xf numFmtId="0" fontId="0" fillId="0" borderId="4" xfId="0" applyBorder="1" applyAlignment="1">
      <alignment horizontal="left" vertical="center" wrapText="1"/>
    </xf>
    <xf numFmtId="0" fontId="10" fillId="0" borderId="4" xfId="0" applyFont="1" applyBorder="1" applyAlignment="1">
      <alignment horizontal="center" vertical="center"/>
    </xf>
    <xf numFmtId="0" fontId="0" fillId="0" borderId="4" xfId="0" applyBorder="1" applyAlignment="1">
      <alignment vertical="center" wrapText="1"/>
    </xf>
    <xf numFmtId="0" fontId="0" fillId="0" borderId="4" xfId="0" applyBorder="1" applyAlignment="1">
      <alignment horizontal="center"/>
    </xf>
    <xf numFmtId="0" fontId="0" fillId="0" borderId="4" xfId="0" applyBorder="1" applyAlignment="1">
      <alignment horizontal="center" wrapText="1"/>
    </xf>
  </cellXfs>
  <cellStyles count="5">
    <cellStyle name="Comma" xfId="4" builtinId="3"/>
    <cellStyle name="Hyperlink" xfId="3" builtinId="8"/>
    <cellStyle name="Normal" xfId="0" builtinId="0"/>
    <cellStyle name="Normal 2" xfId="1" xr:uid="{185B1719-5F7E-4435-AAFA-44D97DA073FC}"/>
    <cellStyle name="Percent" xfId="2" builtinId="5"/>
  </cellStyles>
  <dxfs count="292">
    <dxf>
      <font>
        <color theme="0"/>
      </font>
      <fill>
        <patternFill>
          <bgColor theme="1"/>
        </patternFill>
      </fill>
    </dxf>
    <dxf>
      <font>
        <color theme="0"/>
      </font>
      <fill>
        <patternFill>
          <bgColor rgb="FFFF0000"/>
        </patternFill>
      </fill>
    </dxf>
    <dxf>
      <fill>
        <patternFill>
          <bgColor rgb="FFFFC000"/>
        </patternFill>
      </fill>
    </dxf>
    <dxf>
      <fill>
        <patternFill>
          <bgColor rgb="FFFFFF00"/>
        </patternFill>
      </fill>
    </dxf>
    <dxf>
      <fill>
        <patternFill>
          <bgColor rgb="FF92D050"/>
        </patternFill>
      </fill>
    </dxf>
    <dxf>
      <font>
        <color theme="0"/>
      </font>
      <fill>
        <patternFill>
          <bgColor theme="1"/>
        </patternFill>
      </fill>
    </dxf>
    <dxf>
      <font>
        <color theme="0"/>
      </font>
      <fill>
        <patternFill>
          <bgColor rgb="FFFF0000"/>
        </patternFill>
      </fill>
    </dxf>
    <dxf>
      <fill>
        <patternFill>
          <bgColor rgb="FFFFC000"/>
        </patternFill>
      </fill>
    </dxf>
    <dxf>
      <fill>
        <patternFill>
          <bgColor rgb="FFFFFF00"/>
        </patternFill>
      </fill>
    </dxf>
    <dxf>
      <fill>
        <patternFill>
          <bgColor rgb="FF92D050"/>
        </patternFill>
      </fill>
    </dxf>
    <dxf>
      <font>
        <color theme="0"/>
      </font>
      <fill>
        <patternFill>
          <bgColor theme="1"/>
        </patternFill>
      </fill>
    </dxf>
    <dxf>
      <font>
        <color theme="0"/>
      </font>
      <fill>
        <patternFill>
          <bgColor rgb="FFFF0000"/>
        </patternFill>
      </fill>
    </dxf>
    <dxf>
      <fill>
        <patternFill>
          <bgColor rgb="FFFFC000"/>
        </patternFill>
      </fill>
    </dxf>
    <dxf>
      <fill>
        <patternFill>
          <bgColor rgb="FFFFFF00"/>
        </patternFill>
      </fill>
    </dxf>
    <dxf>
      <fill>
        <patternFill>
          <bgColor rgb="FF92D050"/>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ont>
        <b val="0"/>
        <i val="0"/>
        <strike val="0"/>
        <condense val="0"/>
        <extend val="0"/>
        <outline val="0"/>
        <shadow val="0"/>
        <u val="none"/>
        <vertAlign val="baseline"/>
        <sz val="9"/>
        <color rgb="FF000000"/>
        <name val="Lucida Sans"/>
        <family val="2"/>
        <scheme val="none"/>
      </font>
      <alignment horizontal="left" vertical="center" textRotation="0" wrapText="1" indent="0" justifyLastLine="0" shrinkToFit="0" readingOrder="0"/>
      <border diagonalUp="0" diagonalDown="0" outline="0">
        <left style="thin">
          <color indexed="64"/>
        </left>
        <right/>
        <top style="thin">
          <color indexed="64"/>
        </top>
        <bottom/>
      </border>
    </dxf>
    <dxf>
      <font>
        <b val="0"/>
        <i val="0"/>
        <strike val="0"/>
        <condense val="0"/>
        <extend val="0"/>
        <outline val="0"/>
        <shadow val="0"/>
        <u val="none"/>
        <vertAlign val="baseline"/>
        <sz val="9"/>
        <color rgb="FF000000"/>
        <name val="Arial"/>
        <family val="2"/>
        <scheme val="none"/>
      </font>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protection locked="0" hidden="0"/>
    </dxf>
    <dxf>
      <font>
        <b val="0"/>
        <i val="0"/>
        <strike val="0"/>
        <condense val="0"/>
        <extend val="0"/>
        <outline val="0"/>
        <shadow val="0"/>
        <u val="none"/>
        <vertAlign val="baseline"/>
        <sz val="9"/>
        <color rgb="FF000000"/>
        <name val="Arial"/>
        <family val="2"/>
        <scheme val="none"/>
      </font>
      <alignment horizontal="center" vertical="center" textRotation="0" wrapText="1" indent="0" justifyLastLine="0" shrinkToFit="0" readingOrder="0"/>
      <border diagonalUp="0" diagonalDown="0">
        <left style="thin">
          <color indexed="64"/>
        </left>
        <right style="thin">
          <color indexed="64"/>
        </right>
        <top style="thin">
          <color indexed="64"/>
        </top>
        <bottom style="thin">
          <color indexed="64"/>
        </bottom>
        <vertical/>
        <horizontal/>
      </border>
      <protection locked="0" hidden="0"/>
    </dxf>
    <dxf>
      <font>
        <b val="0"/>
        <i val="0"/>
        <strike val="0"/>
        <condense val="0"/>
        <extend val="0"/>
        <outline val="0"/>
        <shadow val="0"/>
        <u val="none"/>
        <vertAlign val="baseline"/>
        <sz val="9"/>
        <color rgb="FF000000"/>
        <name val="Arial"/>
        <family val="2"/>
        <scheme val="none"/>
      </font>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protection locked="0" hidden="0"/>
    </dxf>
    <dxf>
      <font>
        <b val="0"/>
        <i val="0"/>
        <strike val="0"/>
        <condense val="0"/>
        <extend val="0"/>
        <outline val="0"/>
        <shadow val="0"/>
        <u val="none"/>
        <vertAlign val="baseline"/>
        <sz val="9"/>
        <color rgb="FF000000"/>
        <name val="Arial"/>
        <family val="2"/>
        <scheme val="none"/>
      </font>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protection locked="0" hidden="0"/>
    </dxf>
    <dxf>
      <font>
        <b val="0"/>
        <i val="0"/>
        <strike val="0"/>
        <condense val="0"/>
        <extend val="0"/>
        <outline val="0"/>
        <shadow val="0"/>
        <u val="none"/>
        <vertAlign val="baseline"/>
        <sz val="9"/>
        <color rgb="FF000000"/>
        <name val="Arial"/>
        <family val="2"/>
        <scheme val="none"/>
      </font>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protection locked="0" hidden="0"/>
    </dxf>
    <dxf>
      <font>
        <b val="0"/>
        <i val="0"/>
        <strike val="0"/>
        <condense val="0"/>
        <extend val="0"/>
        <outline val="0"/>
        <shadow val="0"/>
        <u val="none"/>
        <vertAlign val="baseline"/>
        <sz val="9"/>
        <color rgb="FF000000"/>
        <name val="Lucida Sans"/>
        <family val="2"/>
        <scheme val="none"/>
      </font>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dxf>
    <dxf>
      <font>
        <b val="0"/>
        <i val="0"/>
        <strike val="0"/>
        <condense val="0"/>
        <extend val="0"/>
        <outline val="0"/>
        <shadow val="0"/>
        <u val="none"/>
        <vertAlign val="baseline"/>
        <sz val="9"/>
        <color rgb="FF000000"/>
        <name val="Arial"/>
        <family val="2"/>
        <scheme val="none"/>
      </font>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protection locked="0" hidden="0"/>
    </dxf>
    <dxf>
      <font>
        <b val="0"/>
        <i val="0"/>
        <strike val="0"/>
        <condense val="0"/>
        <extend val="0"/>
        <outline val="0"/>
        <shadow val="0"/>
        <u val="none"/>
        <vertAlign val="baseline"/>
        <sz val="9"/>
        <color rgb="FF000000"/>
        <name val="Lucida Sans"/>
        <family val="2"/>
        <scheme val="none"/>
      </font>
      <alignment horizontal="left" vertical="center" textRotation="0" wrapText="1" indent="0" justifyLastLine="0" shrinkToFit="0" readingOrder="0"/>
      <border diagonalUp="0" diagonalDown="0" outline="0">
        <left style="thin">
          <color indexed="64"/>
        </left>
        <right style="thin">
          <color indexed="64"/>
        </right>
        <top style="thin">
          <color indexed="64"/>
        </top>
        <bottom/>
      </border>
    </dxf>
    <dxf>
      <font>
        <b val="0"/>
        <i val="0"/>
        <strike val="0"/>
        <condense val="0"/>
        <extend val="0"/>
        <outline val="0"/>
        <shadow val="0"/>
        <u val="none"/>
        <vertAlign val="baseline"/>
        <sz val="9"/>
        <color theme="1"/>
        <name val="Arial"/>
        <family val="2"/>
        <scheme val="none"/>
      </font>
      <numFmt numFmtId="166" formatCode="0.000"/>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protection locked="0" hidden="0"/>
    </dxf>
    <dxf>
      <font>
        <strike val="0"/>
        <outline val="0"/>
        <shadow val="0"/>
        <vertAlign val="baseline"/>
        <sz val="9"/>
      </font>
    </dxf>
    <dxf>
      <font>
        <b val="0"/>
        <i val="0"/>
        <strike val="0"/>
        <condense val="0"/>
        <extend val="0"/>
        <outline val="0"/>
        <shadow val="0"/>
        <u val="none"/>
        <vertAlign val="baseline"/>
        <sz val="9"/>
        <color theme="1"/>
        <name val="Arial"/>
        <family val="2"/>
        <scheme val="none"/>
      </font>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protection locked="0" hidden="0"/>
    </dxf>
    <dxf>
      <font>
        <b val="0"/>
        <i val="0"/>
        <strike val="0"/>
        <condense val="0"/>
        <extend val="0"/>
        <outline val="0"/>
        <shadow val="0"/>
        <u val="none"/>
        <vertAlign val="baseline"/>
        <sz val="9"/>
        <color theme="1"/>
        <name val="Arial"/>
        <family val="2"/>
        <scheme val="none"/>
      </font>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protection locked="0" hidden="0"/>
    </dxf>
    <dxf>
      <font>
        <b val="0"/>
        <i val="0"/>
        <strike val="0"/>
        <condense val="0"/>
        <extend val="0"/>
        <outline val="0"/>
        <shadow val="0"/>
        <u val="none"/>
        <vertAlign val="baseline"/>
        <sz val="9"/>
        <color theme="1"/>
        <name val="Arial"/>
        <family val="2"/>
        <scheme val="none"/>
      </font>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protection locked="0" hidden="0"/>
    </dxf>
    <dxf>
      <font>
        <b val="0"/>
        <i val="0"/>
        <strike val="0"/>
        <condense val="0"/>
        <extend val="0"/>
        <outline val="0"/>
        <shadow val="0"/>
        <u val="none"/>
        <vertAlign val="baseline"/>
        <sz val="9"/>
        <color rgb="FF000000"/>
        <name val="Arial"/>
        <family val="2"/>
        <scheme val="none"/>
      </font>
      <alignment horizontal="center" vertical="center" textRotation="0" wrapText="1" indent="0" justifyLastLine="0" shrinkToFit="0" readingOrder="0"/>
      <border diagonalUp="0" diagonalDown="0" outline="0">
        <left style="thin">
          <color indexed="64"/>
        </left>
        <right style="thin">
          <color indexed="64"/>
        </right>
        <top style="thin">
          <color indexed="64"/>
        </top>
        <bottom/>
      </border>
      <protection locked="0" hidden="0"/>
    </dxf>
    <dxf>
      <font>
        <b val="0"/>
        <i val="0"/>
        <strike val="0"/>
        <condense val="0"/>
        <extend val="0"/>
        <outline val="0"/>
        <shadow val="0"/>
        <u val="none"/>
        <vertAlign val="baseline"/>
        <sz val="9"/>
        <color rgb="FF000000"/>
        <name val="Arial"/>
        <family val="2"/>
        <scheme val="none"/>
      </font>
      <alignment horizontal="center" vertical="center" textRotation="0" wrapText="1" indent="0" justifyLastLine="0" shrinkToFit="0" readingOrder="0"/>
      <border diagonalUp="0" diagonalDown="0" outline="0">
        <left/>
        <right style="thin">
          <color indexed="64"/>
        </right>
        <top style="thin">
          <color indexed="64"/>
        </top>
        <bottom/>
      </border>
      <protection locked="0" hidden="0"/>
    </dxf>
    <dxf>
      <border outline="0">
        <left style="thin">
          <color indexed="64"/>
        </left>
        <right style="thin">
          <color indexed="64"/>
        </right>
        <top style="thin">
          <color indexed="64"/>
        </top>
        <bottom style="thin">
          <color indexed="64"/>
        </bottom>
      </border>
    </dxf>
    <dxf>
      <font>
        <b val="0"/>
        <i val="0"/>
        <strike val="0"/>
        <condense val="0"/>
        <extend val="0"/>
        <outline val="0"/>
        <shadow val="0"/>
        <u val="none"/>
        <vertAlign val="baseline"/>
        <sz val="9"/>
        <color rgb="FF000000"/>
        <name val="Arial"/>
        <family val="2"/>
        <scheme val="none"/>
      </font>
      <alignment horizontal="center" vertical="center" textRotation="0" wrapText="1" indent="0" justifyLastLine="0" shrinkToFit="0" readingOrder="0"/>
      <protection locked="0" hidden="0"/>
    </dxf>
    <dxf>
      <border outline="0">
        <bottom style="thin">
          <color indexed="64"/>
        </bottom>
      </border>
    </dxf>
    <dxf>
      <font>
        <b/>
        <i val="0"/>
        <strike val="0"/>
        <condense val="0"/>
        <extend val="0"/>
        <outline val="0"/>
        <shadow val="0"/>
        <u val="none"/>
        <vertAlign val="baseline"/>
        <sz val="9"/>
        <color theme="1"/>
        <name val="Arial"/>
        <family val="2"/>
        <scheme val="none"/>
      </font>
      <alignment horizontal="center" vertical="center" textRotation="0" wrapText="1" indent="0" justifyLastLine="0" shrinkToFit="0" readingOrder="0"/>
      <border diagonalUp="0" diagonalDown="0" outline="0">
        <left style="thin">
          <color indexed="64"/>
        </left>
        <right style="thin">
          <color indexed="64"/>
        </right>
        <top/>
        <bottom/>
      </border>
      <protection locked="0" hidden="0"/>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rgb="FFFFCCCC"/>
        </patternFill>
      </fill>
    </dxf>
    <dxf>
      <fill>
        <patternFill>
          <bgColor theme="7" tint="0.79998168889431442"/>
        </patternFill>
      </fill>
    </dxf>
    <dxf>
      <fill>
        <patternFill>
          <bgColor rgb="FFFFCCCC"/>
        </patternFill>
      </fill>
    </dxf>
    <dxf>
      <fill>
        <patternFill>
          <bgColor theme="7" tint="0.79998168889431442"/>
        </patternFill>
      </fill>
    </dxf>
    <dxf>
      <fill>
        <patternFill>
          <bgColor rgb="FFFFCCCC"/>
        </patternFill>
      </fill>
    </dxf>
    <dxf>
      <fill>
        <patternFill>
          <bgColor theme="7" tint="0.79998168889431442"/>
        </patternFill>
      </fill>
    </dxf>
    <dxf>
      <fill>
        <patternFill>
          <bgColor rgb="FFFFCCCC"/>
        </patternFill>
      </fill>
    </dxf>
    <dxf>
      <fill>
        <patternFill>
          <bgColor theme="7" tint="0.79998168889431442"/>
        </patternFill>
      </fill>
    </dxf>
    <dxf>
      <fill>
        <patternFill>
          <bgColor rgb="FFFFCCCC"/>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rgb="FFFFD9F4"/>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rgb="FFFEDEF9"/>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rgb="FFFFD9F4"/>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rgb="FFFFD9F4"/>
        </patternFill>
      </fill>
    </dxf>
    <dxf>
      <fill>
        <patternFill>
          <bgColor rgb="FFFFD9F4"/>
        </patternFill>
      </fill>
    </dxf>
    <dxf>
      <fill>
        <patternFill>
          <bgColor theme="7" tint="0.79998168889431442"/>
        </patternFill>
      </fill>
    </dxf>
    <dxf>
      <fill>
        <patternFill>
          <bgColor rgb="FFFFD9F4"/>
        </patternFill>
      </fill>
    </dxf>
    <dxf>
      <fill>
        <patternFill>
          <bgColor rgb="FFFFD9F4"/>
        </patternFill>
      </fill>
    </dxf>
    <dxf>
      <fill>
        <patternFill>
          <bgColor rgb="FFFFD9F4"/>
        </patternFill>
      </fill>
    </dxf>
    <dxf>
      <fill>
        <patternFill>
          <bgColor theme="7" tint="0.79998168889431442"/>
        </patternFill>
      </fill>
    </dxf>
    <dxf>
      <fill>
        <patternFill>
          <bgColor rgb="FFFFD9F4"/>
        </patternFill>
      </fill>
    </dxf>
    <dxf>
      <fill>
        <patternFill>
          <bgColor rgb="FFFFD9F4"/>
        </patternFill>
      </fill>
    </dxf>
    <dxf>
      <fill>
        <patternFill>
          <bgColor rgb="FFFFD9F4"/>
        </patternFill>
      </fill>
    </dxf>
    <dxf>
      <fill>
        <patternFill>
          <bgColor theme="7" tint="0.79998168889431442"/>
        </patternFill>
      </fill>
    </dxf>
    <dxf>
      <fill>
        <patternFill>
          <bgColor rgb="FFFFD9F4"/>
        </patternFill>
      </fill>
    </dxf>
    <dxf>
      <fill>
        <patternFill>
          <bgColor rgb="FFFFD9F4"/>
        </patternFill>
      </fill>
    </dxf>
    <dxf>
      <fill>
        <patternFill>
          <bgColor rgb="FFFFD9F4"/>
        </patternFill>
      </fill>
    </dxf>
    <dxf>
      <fill>
        <patternFill>
          <bgColor theme="7" tint="0.79998168889431442"/>
        </patternFill>
      </fill>
    </dxf>
    <dxf>
      <fill>
        <patternFill>
          <bgColor rgb="FFFFD9F4"/>
        </patternFill>
      </fill>
    </dxf>
    <dxf>
      <fill>
        <patternFill>
          <bgColor rgb="FFFFD9F4"/>
        </patternFill>
      </fill>
    </dxf>
    <dxf>
      <fill>
        <patternFill>
          <bgColor rgb="FFFFD9F4"/>
        </patternFill>
      </fill>
    </dxf>
    <dxf>
      <fill>
        <patternFill>
          <bgColor theme="7" tint="0.79998168889431442"/>
        </patternFill>
      </fill>
    </dxf>
    <dxf>
      <fill>
        <patternFill>
          <bgColor rgb="FFFFD9F4"/>
        </patternFill>
      </fill>
    </dxf>
    <dxf>
      <fill>
        <patternFill>
          <bgColor rgb="FFFFD9F4"/>
        </patternFill>
      </fill>
    </dxf>
    <dxf>
      <fill>
        <patternFill>
          <bgColor rgb="FFFFD9F4"/>
        </patternFill>
      </fill>
    </dxf>
    <dxf>
      <fill>
        <patternFill>
          <bgColor rgb="FFFFD9F4"/>
        </patternFill>
      </fill>
    </dxf>
    <dxf>
      <fill>
        <patternFill>
          <bgColor rgb="FFFFD9F4"/>
        </patternFill>
      </fill>
    </dxf>
    <dxf>
      <fill>
        <patternFill>
          <bgColor rgb="FFFFCCCC"/>
        </patternFill>
      </fill>
    </dxf>
    <dxf>
      <fill>
        <patternFill>
          <bgColor theme="7" tint="0.79998168889431442"/>
        </patternFill>
      </fill>
    </dxf>
    <dxf>
      <fill>
        <patternFill>
          <bgColor theme="7" tint="0.79998168889431442"/>
        </patternFill>
      </fill>
    </dxf>
    <dxf>
      <fill>
        <patternFill>
          <bgColor theme="0" tint="-0.14996795556505021"/>
        </patternFill>
      </fill>
    </dxf>
    <dxf>
      <fill>
        <patternFill>
          <bgColor rgb="FFFFD9F4"/>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rgb="FFFFCCCC"/>
        </patternFill>
      </fill>
    </dxf>
    <dxf>
      <fill>
        <patternFill>
          <bgColor theme="7" tint="0.79998168889431442"/>
        </patternFill>
      </fill>
    </dxf>
    <dxf>
      <fill>
        <patternFill>
          <bgColor rgb="FFFFD9F4"/>
        </patternFill>
      </fill>
    </dxf>
    <dxf>
      <fill>
        <patternFill>
          <bgColor rgb="FFFFD9F4"/>
        </patternFill>
      </fill>
    </dxf>
    <dxf>
      <fill>
        <patternFill>
          <bgColor theme="0" tint="-0.14996795556505021"/>
        </patternFill>
      </fill>
    </dxf>
    <dxf>
      <fill>
        <patternFill>
          <bgColor rgb="FFFFD9F4"/>
        </patternFill>
      </fill>
    </dxf>
    <dxf>
      <fill>
        <patternFill>
          <bgColor rgb="FFFFD9F4"/>
        </patternFill>
      </fill>
    </dxf>
    <dxf>
      <fill>
        <patternFill>
          <bgColor rgb="FFFFD9F4"/>
        </patternFill>
      </fill>
    </dxf>
    <dxf>
      <fill>
        <patternFill>
          <bgColor rgb="FFFFD9F4"/>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rgb="FFFFD9F4"/>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rgb="FFFFD9F4"/>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rgb="FFFFD9F4"/>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7"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0" tint="-0.14996795556505021"/>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6" tint="0.59996337778862885"/>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0" tint="-0.14996795556505021"/>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9" tint="0.79998168889431442"/>
        </patternFill>
      </fill>
    </dxf>
    <dxf>
      <fill>
        <patternFill>
          <bgColor theme="7" tint="0.79998168889431442"/>
        </patternFill>
      </fill>
    </dxf>
    <dxf>
      <fill>
        <patternFill>
          <bgColor rgb="FFFEDEF9"/>
        </patternFill>
      </fill>
    </dxf>
    <dxf>
      <fill>
        <patternFill>
          <bgColor rgb="FFFFD9F4"/>
        </patternFill>
      </fill>
    </dxf>
    <dxf>
      <fill>
        <patternFill>
          <bgColor theme="7" tint="0.79998168889431442"/>
        </patternFill>
      </fill>
    </dxf>
    <dxf>
      <fill>
        <patternFill>
          <bgColor theme="7" tint="0.79998168889431442"/>
        </patternFill>
      </fill>
    </dxf>
    <dxf>
      <fill>
        <patternFill>
          <bgColor rgb="FFFFD9F4"/>
        </patternFill>
      </fill>
    </dxf>
    <dxf>
      <fill>
        <patternFill>
          <bgColor rgb="FFFFD9F4"/>
        </patternFill>
      </fill>
    </dxf>
  </dxfs>
  <tableStyles count="1" defaultTableStyle="TableStyleMedium2" defaultPivotStyle="PivotStyleLight16">
    <tableStyle name="Blank Formatting" pivot="0" count="0" xr9:uid="{3DA89561-9851-4AC2-9242-5EAB6D504D8F}"/>
  </tableStyles>
  <colors>
    <mruColors>
      <color rgb="FFFFCCCC"/>
      <color rgb="FFFEDEF9"/>
      <color rgb="FFFFD9F4"/>
      <color rgb="FFFFEFDA"/>
      <color rgb="FFFED4F2"/>
      <color rgb="FF2575A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2.xml"/><Relationship Id="rId5" Type="http://schemas.openxmlformats.org/officeDocument/2006/relationships/worksheet" Target="worksheets/sheet5.xml"/><Relationship Id="rId15" Type="http://schemas.microsoft.com/office/2017/10/relationships/person" Target="persons/person.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8" Type="http://schemas.openxmlformats.org/officeDocument/2006/relationships/image" Target="../media/image13.png"/><Relationship Id="rId13" Type="http://schemas.openxmlformats.org/officeDocument/2006/relationships/image" Target="../media/image18.png"/><Relationship Id="rId18" Type="http://schemas.openxmlformats.org/officeDocument/2006/relationships/image" Target="../media/image23.png"/><Relationship Id="rId26" Type="http://schemas.openxmlformats.org/officeDocument/2006/relationships/image" Target="../media/image31.png"/><Relationship Id="rId39" Type="http://schemas.openxmlformats.org/officeDocument/2006/relationships/image" Target="../media/image44.png"/><Relationship Id="rId3" Type="http://schemas.openxmlformats.org/officeDocument/2006/relationships/image" Target="../media/image8.png"/><Relationship Id="rId21" Type="http://schemas.openxmlformats.org/officeDocument/2006/relationships/image" Target="../media/image26.png"/><Relationship Id="rId34" Type="http://schemas.openxmlformats.org/officeDocument/2006/relationships/image" Target="../media/image39.png"/><Relationship Id="rId42" Type="http://schemas.openxmlformats.org/officeDocument/2006/relationships/image" Target="../media/image47.png"/><Relationship Id="rId7" Type="http://schemas.openxmlformats.org/officeDocument/2006/relationships/image" Target="../media/image12.png"/><Relationship Id="rId12" Type="http://schemas.openxmlformats.org/officeDocument/2006/relationships/image" Target="../media/image17.png"/><Relationship Id="rId17" Type="http://schemas.openxmlformats.org/officeDocument/2006/relationships/image" Target="../media/image22.png"/><Relationship Id="rId25" Type="http://schemas.openxmlformats.org/officeDocument/2006/relationships/image" Target="../media/image30.png"/><Relationship Id="rId33" Type="http://schemas.openxmlformats.org/officeDocument/2006/relationships/image" Target="../media/image38.png"/><Relationship Id="rId38" Type="http://schemas.openxmlformats.org/officeDocument/2006/relationships/image" Target="../media/image43.png"/><Relationship Id="rId2" Type="http://schemas.openxmlformats.org/officeDocument/2006/relationships/image" Target="../media/image7.png"/><Relationship Id="rId16" Type="http://schemas.openxmlformats.org/officeDocument/2006/relationships/image" Target="../media/image21.png"/><Relationship Id="rId20" Type="http://schemas.openxmlformats.org/officeDocument/2006/relationships/image" Target="../media/image25.png"/><Relationship Id="rId29" Type="http://schemas.openxmlformats.org/officeDocument/2006/relationships/image" Target="../media/image34.png"/><Relationship Id="rId41" Type="http://schemas.openxmlformats.org/officeDocument/2006/relationships/image" Target="../media/image46.png"/><Relationship Id="rId1" Type="http://schemas.openxmlformats.org/officeDocument/2006/relationships/image" Target="../media/image6.png"/><Relationship Id="rId6" Type="http://schemas.openxmlformats.org/officeDocument/2006/relationships/image" Target="../media/image11.png"/><Relationship Id="rId11" Type="http://schemas.openxmlformats.org/officeDocument/2006/relationships/image" Target="../media/image16.png"/><Relationship Id="rId24" Type="http://schemas.openxmlformats.org/officeDocument/2006/relationships/image" Target="../media/image29.png"/><Relationship Id="rId32" Type="http://schemas.openxmlformats.org/officeDocument/2006/relationships/image" Target="../media/image37.png"/><Relationship Id="rId37" Type="http://schemas.openxmlformats.org/officeDocument/2006/relationships/image" Target="../media/image42.png"/><Relationship Id="rId40" Type="http://schemas.openxmlformats.org/officeDocument/2006/relationships/image" Target="../media/image45.png"/><Relationship Id="rId5" Type="http://schemas.openxmlformats.org/officeDocument/2006/relationships/image" Target="../media/image10.png"/><Relationship Id="rId15" Type="http://schemas.openxmlformats.org/officeDocument/2006/relationships/image" Target="../media/image20.png"/><Relationship Id="rId23" Type="http://schemas.openxmlformats.org/officeDocument/2006/relationships/image" Target="../media/image28.png"/><Relationship Id="rId28" Type="http://schemas.openxmlformats.org/officeDocument/2006/relationships/image" Target="../media/image33.png"/><Relationship Id="rId36" Type="http://schemas.openxmlformats.org/officeDocument/2006/relationships/image" Target="../media/image41.png"/><Relationship Id="rId10" Type="http://schemas.openxmlformats.org/officeDocument/2006/relationships/image" Target="../media/image15.png"/><Relationship Id="rId19" Type="http://schemas.openxmlformats.org/officeDocument/2006/relationships/image" Target="../media/image24.png"/><Relationship Id="rId31" Type="http://schemas.openxmlformats.org/officeDocument/2006/relationships/image" Target="../media/image36.png"/><Relationship Id="rId44" Type="http://schemas.openxmlformats.org/officeDocument/2006/relationships/image" Target="../media/image49.png"/><Relationship Id="rId4" Type="http://schemas.openxmlformats.org/officeDocument/2006/relationships/image" Target="../media/image9.png"/><Relationship Id="rId9" Type="http://schemas.openxmlformats.org/officeDocument/2006/relationships/image" Target="../media/image14.png"/><Relationship Id="rId14" Type="http://schemas.openxmlformats.org/officeDocument/2006/relationships/image" Target="../media/image19.png"/><Relationship Id="rId22" Type="http://schemas.openxmlformats.org/officeDocument/2006/relationships/image" Target="../media/image27.png"/><Relationship Id="rId27" Type="http://schemas.openxmlformats.org/officeDocument/2006/relationships/image" Target="../media/image32.png"/><Relationship Id="rId30" Type="http://schemas.openxmlformats.org/officeDocument/2006/relationships/image" Target="../media/image35.png"/><Relationship Id="rId35" Type="http://schemas.openxmlformats.org/officeDocument/2006/relationships/image" Target="../media/image40.png"/><Relationship Id="rId43" Type="http://schemas.openxmlformats.org/officeDocument/2006/relationships/image" Target="../media/image48.png"/></Relationships>
</file>

<file path=xl/drawings/_rels/drawing3.xml.rels><?xml version="1.0" encoding="UTF-8" standalone="yes"?>
<Relationships xmlns="http://schemas.openxmlformats.org/package/2006/relationships"><Relationship Id="rId13" Type="http://schemas.openxmlformats.org/officeDocument/2006/relationships/image" Target="../media/image62.png"/><Relationship Id="rId18" Type="http://schemas.openxmlformats.org/officeDocument/2006/relationships/image" Target="../media/image67.png"/><Relationship Id="rId26" Type="http://schemas.openxmlformats.org/officeDocument/2006/relationships/image" Target="../media/image75.png"/><Relationship Id="rId39" Type="http://schemas.openxmlformats.org/officeDocument/2006/relationships/image" Target="../media/image88.png"/><Relationship Id="rId21" Type="http://schemas.openxmlformats.org/officeDocument/2006/relationships/image" Target="../media/image70.png"/><Relationship Id="rId34" Type="http://schemas.openxmlformats.org/officeDocument/2006/relationships/image" Target="../media/image83.png"/><Relationship Id="rId42" Type="http://schemas.openxmlformats.org/officeDocument/2006/relationships/image" Target="../media/image91.png"/><Relationship Id="rId47" Type="http://schemas.openxmlformats.org/officeDocument/2006/relationships/image" Target="../media/image96.png"/><Relationship Id="rId50" Type="http://schemas.openxmlformats.org/officeDocument/2006/relationships/image" Target="../media/image99.png"/><Relationship Id="rId55" Type="http://schemas.openxmlformats.org/officeDocument/2006/relationships/image" Target="../media/image104.png"/><Relationship Id="rId63" Type="http://schemas.openxmlformats.org/officeDocument/2006/relationships/image" Target="../media/image112.png"/><Relationship Id="rId68" Type="http://schemas.openxmlformats.org/officeDocument/2006/relationships/image" Target="../media/image117.png"/><Relationship Id="rId76" Type="http://schemas.openxmlformats.org/officeDocument/2006/relationships/image" Target="../media/image125.png"/><Relationship Id="rId84" Type="http://schemas.openxmlformats.org/officeDocument/2006/relationships/image" Target="../media/image133.png"/><Relationship Id="rId7" Type="http://schemas.openxmlformats.org/officeDocument/2006/relationships/image" Target="../media/image56.png"/><Relationship Id="rId71" Type="http://schemas.openxmlformats.org/officeDocument/2006/relationships/image" Target="../media/image120.png"/><Relationship Id="rId2" Type="http://schemas.openxmlformats.org/officeDocument/2006/relationships/image" Target="../media/image51.png"/><Relationship Id="rId16" Type="http://schemas.openxmlformats.org/officeDocument/2006/relationships/image" Target="../media/image65.png"/><Relationship Id="rId29" Type="http://schemas.openxmlformats.org/officeDocument/2006/relationships/image" Target="../media/image78.png"/><Relationship Id="rId11" Type="http://schemas.openxmlformats.org/officeDocument/2006/relationships/image" Target="../media/image60.png"/><Relationship Id="rId24" Type="http://schemas.openxmlformats.org/officeDocument/2006/relationships/image" Target="../media/image73.png"/><Relationship Id="rId32" Type="http://schemas.openxmlformats.org/officeDocument/2006/relationships/image" Target="../media/image81.png"/><Relationship Id="rId37" Type="http://schemas.openxmlformats.org/officeDocument/2006/relationships/image" Target="../media/image86.png"/><Relationship Id="rId40" Type="http://schemas.openxmlformats.org/officeDocument/2006/relationships/image" Target="../media/image89.png"/><Relationship Id="rId45" Type="http://schemas.openxmlformats.org/officeDocument/2006/relationships/image" Target="../media/image94.png"/><Relationship Id="rId53" Type="http://schemas.openxmlformats.org/officeDocument/2006/relationships/image" Target="../media/image102.png"/><Relationship Id="rId58" Type="http://schemas.openxmlformats.org/officeDocument/2006/relationships/image" Target="../media/image107.png"/><Relationship Id="rId66" Type="http://schemas.openxmlformats.org/officeDocument/2006/relationships/image" Target="../media/image115.png"/><Relationship Id="rId74" Type="http://schemas.openxmlformats.org/officeDocument/2006/relationships/image" Target="../media/image123.png"/><Relationship Id="rId79" Type="http://schemas.openxmlformats.org/officeDocument/2006/relationships/image" Target="../media/image128.png"/><Relationship Id="rId5" Type="http://schemas.openxmlformats.org/officeDocument/2006/relationships/image" Target="../media/image54.png"/><Relationship Id="rId61" Type="http://schemas.openxmlformats.org/officeDocument/2006/relationships/image" Target="../media/image110.png"/><Relationship Id="rId82" Type="http://schemas.openxmlformats.org/officeDocument/2006/relationships/image" Target="../media/image131.png"/><Relationship Id="rId19" Type="http://schemas.openxmlformats.org/officeDocument/2006/relationships/image" Target="../media/image68.png"/><Relationship Id="rId4" Type="http://schemas.openxmlformats.org/officeDocument/2006/relationships/image" Target="../media/image53.png"/><Relationship Id="rId9" Type="http://schemas.openxmlformats.org/officeDocument/2006/relationships/image" Target="../media/image58.png"/><Relationship Id="rId14" Type="http://schemas.openxmlformats.org/officeDocument/2006/relationships/image" Target="../media/image63.png"/><Relationship Id="rId22" Type="http://schemas.openxmlformats.org/officeDocument/2006/relationships/image" Target="../media/image71.png"/><Relationship Id="rId27" Type="http://schemas.openxmlformats.org/officeDocument/2006/relationships/image" Target="../media/image76.png"/><Relationship Id="rId30" Type="http://schemas.openxmlformats.org/officeDocument/2006/relationships/image" Target="../media/image79.png"/><Relationship Id="rId35" Type="http://schemas.openxmlformats.org/officeDocument/2006/relationships/image" Target="../media/image84.png"/><Relationship Id="rId43" Type="http://schemas.openxmlformats.org/officeDocument/2006/relationships/image" Target="../media/image92.png"/><Relationship Id="rId48" Type="http://schemas.openxmlformats.org/officeDocument/2006/relationships/image" Target="../media/image97.png"/><Relationship Id="rId56" Type="http://schemas.openxmlformats.org/officeDocument/2006/relationships/image" Target="../media/image105.png"/><Relationship Id="rId64" Type="http://schemas.openxmlformats.org/officeDocument/2006/relationships/image" Target="../media/image113.png"/><Relationship Id="rId69" Type="http://schemas.openxmlformats.org/officeDocument/2006/relationships/image" Target="../media/image118.png"/><Relationship Id="rId77" Type="http://schemas.openxmlformats.org/officeDocument/2006/relationships/image" Target="../media/image126.png"/><Relationship Id="rId8" Type="http://schemas.openxmlformats.org/officeDocument/2006/relationships/image" Target="../media/image57.png"/><Relationship Id="rId51" Type="http://schemas.openxmlformats.org/officeDocument/2006/relationships/image" Target="../media/image100.png"/><Relationship Id="rId72" Type="http://schemas.openxmlformats.org/officeDocument/2006/relationships/image" Target="../media/image121.png"/><Relationship Id="rId80" Type="http://schemas.openxmlformats.org/officeDocument/2006/relationships/image" Target="../media/image129.png"/><Relationship Id="rId85" Type="http://schemas.openxmlformats.org/officeDocument/2006/relationships/image" Target="../media/image134.png"/><Relationship Id="rId3" Type="http://schemas.openxmlformats.org/officeDocument/2006/relationships/image" Target="../media/image52.png"/><Relationship Id="rId12" Type="http://schemas.openxmlformats.org/officeDocument/2006/relationships/image" Target="../media/image61.png"/><Relationship Id="rId17" Type="http://schemas.openxmlformats.org/officeDocument/2006/relationships/image" Target="../media/image66.png"/><Relationship Id="rId25" Type="http://schemas.openxmlformats.org/officeDocument/2006/relationships/image" Target="../media/image74.png"/><Relationship Id="rId33" Type="http://schemas.openxmlformats.org/officeDocument/2006/relationships/image" Target="../media/image82.png"/><Relationship Id="rId38" Type="http://schemas.openxmlformats.org/officeDocument/2006/relationships/image" Target="../media/image87.png"/><Relationship Id="rId46" Type="http://schemas.openxmlformats.org/officeDocument/2006/relationships/image" Target="../media/image95.png"/><Relationship Id="rId59" Type="http://schemas.openxmlformats.org/officeDocument/2006/relationships/image" Target="../media/image108.png"/><Relationship Id="rId67" Type="http://schemas.openxmlformats.org/officeDocument/2006/relationships/image" Target="../media/image116.png"/><Relationship Id="rId20" Type="http://schemas.openxmlformats.org/officeDocument/2006/relationships/image" Target="../media/image69.png"/><Relationship Id="rId41" Type="http://schemas.openxmlformats.org/officeDocument/2006/relationships/image" Target="../media/image90.png"/><Relationship Id="rId54" Type="http://schemas.openxmlformats.org/officeDocument/2006/relationships/image" Target="../media/image103.png"/><Relationship Id="rId62" Type="http://schemas.openxmlformats.org/officeDocument/2006/relationships/image" Target="../media/image111.png"/><Relationship Id="rId70" Type="http://schemas.openxmlformats.org/officeDocument/2006/relationships/image" Target="../media/image119.png"/><Relationship Id="rId75" Type="http://schemas.openxmlformats.org/officeDocument/2006/relationships/image" Target="../media/image124.png"/><Relationship Id="rId83" Type="http://schemas.openxmlformats.org/officeDocument/2006/relationships/image" Target="../media/image132.png"/><Relationship Id="rId1" Type="http://schemas.openxmlformats.org/officeDocument/2006/relationships/image" Target="../media/image50.png"/><Relationship Id="rId6" Type="http://schemas.openxmlformats.org/officeDocument/2006/relationships/image" Target="../media/image55.png"/><Relationship Id="rId15" Type="http://schemas.openxmlformats.org/officeDocument/2006/relationships/image" Target="../media/image64.png"/><Relationship Id="rId23" Type="http://schemas.openxmlformats.org/officeDocument/2006/relationships/image" Target="../media/image72.png"/><Relationship Id="rId28" Type="http://schemas.openxmlformats.org/officeDocument/2006/relationships/image" Target="../media/image77.png"/><Relationship Id="rId36" Type="http://schemas.openxmlformats.org/officeDocument/2006/relationships/image" Target="../media/image85.png"/><Relationship Id="rId49" Type="http://schemas.openxmlformats.org/officeDocument/2006/relationships/image" Target="../media/image98.png"/><Relationship Id="rId57" Type="http://schemas.openxmlformats.org/officeDocument/2006/relationships/image" Target="../media/image106.png"/><Relationship Id="rId10" Type="http://schemas.openxmlformats.org/officeDocument/2006/relationships/image" Target="../media/image59.png"/><Relationship Id="rId31" Type="http://schemas.openxmlformats.org/officeDocument/2006/relationships/image" Target="../media/image80.png"/><Relationship Id="rId44" Type="http://schemas.openxmlformats.org/officeDocument/2006/relationships/image" Target="../media/image93.png"/><Relationship Id="rId52" Type="http://schemas.openxmlformats.org/officeDocument/2006/relationships/image" Target="../media/image101.png"/><Relationship Id="rId60" Type="http://schemas.openxmlformats.org/officeDocument/2006/relationships/image" Target="../media/image109.png"/><Relationship Id="rId65" Type="http://schemas.openxmlformats.org/officeDocument/2006/relationships/image" Target="../media/image114.png"/><Relationship Id="rId73" Type="http://schemas.openxmlformats.org/officeDocument/2006/relationships/image" Target="../media/image122.png"/><Relationship Id="rId78" Type="http://schemas.openxmlformats.org/officeDocument/2006/relationships/image" Target="../media/image127.png"/><Relationship Id="rId81" Type="http://schemas.openxmlformats.org/officeDocument/2006/relationships/image" Target="../media/image130.png"/></Relationships>
</file>

<file path=xl/drawings/_rels/drawing4.xml.rels><?xml version="1.0" encoding="UTF-8" standalone="yes"?>
<Relationships xmlns="http://schemas.openxmlformats.org/package/2006/relationships"><Relationship Id="rId2" Type="http://schemas.openxmlformats.org/officeDocument/2006/relationships/image" Target="../media/image136.png"/><Relationship Id="rId1" Type="http://schemas.openxmlformats.org/officeDocument/2006/relationships/image" Target="../media/image135.png"/></Relationships>
</file>

<file path=xl/drawings/_rels/drawing5.xml.rels><?xml version="1.0" encoding="UTF-8" standalone="yes"?>
<Relationships xmlns="http://schemas.openxmlformats.org/package/2006/relationships"><Relationship Id="rId13" Type="http://schemas.openxmlformats.org/officeDocument/2006/relationships/image" Target="../media/image149.png"/><Relationship Id="rId18" Type="http://schemas.openxmlformats.org/officeDocument/2006/relationships/image" Target="../media/image154.png"/><Relationship Id="rId26" Type="http://schemas.openxmlformats.org/officeDocument/2006/relationships/image" Target="../media/image162.png"/><Relationship Id="rId39" Type="http://schemas.openxmlformats.org/officeDocument/2006/relationships/image" Target="../media/image175.png"/><Relationship Id="rId21" Type="http://schemas.openxmlformats.org/officeDocument/2006/relationships/image" Target="../media/image157.png"/><Relationship Id="rId34" Type="http://schemas.openxmlformats.org/officeDocument/2006/relationships/image" Target="../media/image170.png"/><Relationship Id="rId42" Type="http://schemas.openxmlformats.org/officeDocument/2006/relationships/image" Target="../media/image178.png"/><Relationship Id="rId47" Type="http://schemas.openxmlformats.org/officeDocument/2006/relationships/image" Target="../media/image183.png"/><Relationship Id="rId50" Type="http://schemas.openxmlformats.org/officeDocument/2006/relationships/image" Target="../media/image186.png"/><Relationship Id="rId55" Type="http://schemas.openxmlformats.org/officeDocument/2006/relationships/image" Target="../media/image191.png"/><Relationship Id="rId63" Type="http://schemas.openxmlformats.org/officeDocument/2006/relationships/image" Target="../media/image199.png"/><Relationship Id="rId68" Type="http://schemas.openxmlformats.org/officeDocument/2006/relationships/image" Target="../media/image204.png"/><Relationship Id="rId76" Type="http://schemas.openxmlformats.org/officeDocument/2006/relationships/image" Target="../media/image212.png"/><Relationship Id="rId84" Type="http://schemas.openxmlformats.org/officeDocument/2006/relationships/image" Target="../media/image68.png"/><Relationship Id="rId7" Type="http://schemas.openxmlformats.org/officeDocument/2006/relationships/image" Target="../media/image143.png"/><Relationship Id="rId71" Type="http://schemas.openxmlformats.org/officeDocument/2006/relationships/image" Target="../media/image207.png"/><Relationship Id="rId2" Type="http://schemas.openxmlformats.org/officeDocument/2006/relationships/image" Target="../media/image138.png"/><Relationship Id="rId16" Type="http://schemas.openxmlformats.org/officeDocument/2006/relationships/image" Target="../media/image152.png"/><Relationship Id="rId29" Type="http://schemas.openxmlformats.org/officeDocument/2006/relationships/image" Target="../media/image165.png"/><Relationship Id="rId11" Type="http://schemas.openxmlformats.org/officeDocument/2006/relationships/image" Target="../media/image147.png"/><Relationship Id="rId24" Type="http://schemas.openxmlformats.org/officeDocument/2006/relationships/image" Target="../media/image160.png"/><Relationship Id="rId32" Type="http://schemas.openxmlformats.org/officeDocument/2006/relationships/image" Target="../media/image168.png"/><Relationship Id="rId37" Type="http://schemas.openxmlformats.org/officeDocument/2006/relationships/image" Target="../media/image173.png"/><Relationship Id="rId40" Type="http://schemas.openxmlformats.org/officeDocument/2006/relationships/image" Target="../media/image176.png"/><Relationship Id="rId45" Type="http://schemas.openxmlformats.org/officeDocument/2006/relationships/image" Target="../media/image181.png"/><Relationship Id="rId53" Type="http://schemas.openxmlformats.org/officeDocument/2006/relationships/image" Target="../media/image189.png"/><Relationship Id="rId58" Type="http://schemas.openxmlformats.org/officeDocument/2006/relationships/image" Target="../media/image194.png"/><Relationship Id="rId66" Type="http://schemas.openxmlformats.org/officeDocument/2006/relationships/image" Target="../media/image202.png"/><Relationship Id="rId74" Type="http://schemas.openxmlformats.org/officeDocument/2006/relationships/image" Target="../media/image210.png"/><Relationship Id="rId79" Type="http://schemas.openxmlformats.org/officeDocument/2006/relationships/image" Target="../media/image215.png"/><Relationship Id="rId87" Type="http://schemas.openxmlformats.org/officeDocument/2006/relationships/image" Target="../media/image218.png"/><Relationship Id="rId5" Type="http://schemas.openxmlformats.org/officeDocument/2006/relationships/image" Target="../media/image141.png"/><Relationship Id="rId61" Type="http://schemas.openxmlformats.org/officeDocument/2006/relationships/image" Target="../media/image197.png"/><Relationship Id="rId82" Type="http://schemas.openxmlformats.org/officeDocument/2006/relationships/image" Target="../media/image66.png"/><Relationship Id="rId19" Type="http://schemas.openxmlformats.org/officeDocument/2006/relationships/image" Target="../media/image155.png"/><Relationship Id="rId4" Type="http://schemas.openxmlformats.org/officeDocument/2006/relationships/image" Target="../media/image140.png"/><Relationship Id="rId9" Type="http://schemas.openxmlformats.org/officeDocument/2006/relationships/image" Target="../media/image145.png"/><Relationship Id="rId14" Type="http://schemas.openxmlformats.org/officeDocument/2006/relationships/image" Target="../media/image150.png"/><Relationship Id="rId22" Type="http://schemas.openxmlformats.org/officeDocument/2006/relationships/image" Target="../media/image158.png"/><Relationship Id="rId27" Type="http://schemas.openxmlformats.org/officeDocument/2006/relationships/image" Target="../media/image163.png"/><Relationship Id="rId30" Type="http://schemas.openxmlformats.org/officeDocument/2006/relationships/image" Target="../media/image166.png"/><Relationship Id="rId35" Type="http://schemas.openxmlformats.org/officeDocument/2006/relationships/image" Target="../media/image171.png"/><Relationship Id="rId43" Type="http://schemas.openxmlformats.org/officeDocument/2006/relationships/image" Target="../media/image179.png"/><Relationship Id="rId48" Type="http://schemas.openxmlformats.org/officeDocument/2006/relationships/image" Target="../media/image184.png"/><Relationship Id="rId56" Type="http://schemas.openxmlformats.org/officeDocument/2006/relationships/image" Target="../media/image192.png"/><Relationship Id="rId64" Type="http://schemas.openxmlformats.org/officeDocument/2006/relationships/image" Target="../media/image200.png"/><Relationship Id="rId69" Type="http://schemas.openxmlformats.org/officeDocument/2006/relationships/image" Target="../media/image205.png"/><Relationship Id="rId77" Type="http://schemas.openxmlformats.org/officeDocument/2006/relationships/image" Target="../media/image213.png"/><Relationship Id="rId8" Type="http://schemas.openxmlformats.org/officeDocument/2006/relationships/image" Target="../media/image144.png"/><Relationship Id="rId51" Type="http://schemas.openxmlformats.org/officeDocument/2006/relationships/image" Target="../media/image187.png"/><Relationship Id="rId72" Type="http://schemas.openxmlformats.org/officeDocument/2006/relationships/image" Target="../media/image208.png"/><Relationship Id="rId80" Type="http://schemas.openxmlformats.org/officeDocument/2006/relationships/image" Target="../media/image216.png"/><Relationship Id="rId85" Type="http://schemas.openxmlformats.org/officeDocument/2006/relationships/image" Target="../media/image69.png"/><Relationship Id="rId3" Type="http://schemas.openxmlformats.org/officeDocument/2006/relationships/image" Target="../media/image139.png"/><Relationship Id="rId12" Type="http://schemas.openxmlformats.org/officeDocument/2006/relationships/image" Target="../media/image148.png"/><Relationship Id="rId17" Type="http://schemas.openxmlformats.org/officeDocument/2006/relationships/image" Target="../media/image153.png"/><Relationship Id="rId25" Type="http://schemas.openxmlformats.org/officeDocument/2006/relationships/image" Target="../media/image161.png"/><Relationship Id="rId33" Type="http://schemas.openxmlformats.org/officeDocument/2006/relationships/image" Target="../media/image169.png"/><Relationship Id="rId38" Type="http://schemas.openxmlformats.org/officeDocument/2006/relationships/image" Target="../media/image174.png"/><Relationship Id="rId46" Type="http://schemas.openxmlformats.org/officeDocument/2006/relationships/image" Target="../media/image182.png"/><Relationship Id="rId59" Type="http://schemas.openxmlformats.org/officeDocument/2006/relationships/image" Target="../media/image195.png"/><Relationship Id="rId67" Type="http://schemas.openxmlformats.org/officeDocument/2006/relationships/image" Target="../media/image203.png"/><Relationship Id="rId20" Type="http://schemas.openxmlformats.org/officeDocument/2006/relationships/image" Target="../media/image156.png"/><Relationship Id="rId41" Type="http://schemas.openxmlformats.org/officeDocument/2006/relationships/image" Target="../media/image177.png"/><Relationship Id="rId54" Type="http://schemas.openxmlformats.org/officeDocument/2006/relationships/image" Target="../media/image190.png"/><Relationship Id="rId62" Type="http://schemas.openxmlformats.org/officeDocument/2006/relationships/image" Target="../media/image198.png"/><Relationship Id="rId70" Type="http://schemas.openxmlformats.org/officeDocument/2006/relationships/image" Target="../media/image206.png"/><Relationship Id="rId75" Type="http://schemas.openxmlformats.org/officeDocument/2006/relationships/image" Target="../media/image211.png"/><Relationship Id="rId83" Type="http://schemas.openxmlformats.org/officeDocument/2006/relationships/image" Target="../media/image67.png"/><Relationship Id="rId1" Type="http://schemas.openxmlformats.org/officeDocument/2006/relationships/image" Target="../media/image137.png"/><Relationship Id="rId6" Type="http://schemas.openxmlformats.org/officeDocument/2006/relationships/image" Target="../media/image142.png"/><Relationship Id="rId15" Type="http://schemas.openxmlformats.org/officeDocument/2006/relationships/image" Target="../media/image151.png"/><Relationship Id="rId23" Type="http://schemas.openxmlformats.org/officeDocument/2006/relationships/image" Target="../media/image159.png"/><Relationship Id="rId28" Type="http://schemas.openxmlformats.org/officeDocument/2006/relationships/image" Target="../media/image164.png"/><Relationship Id="rId36" Type="http://schemas.openxmlformats.org/officeDocument/2006/relationships/image" Target="../media/image172.png"/><Relationship Id="rId49" Type="http://schemas.openxmlformats.org/officeDocument/2006/relationships/image" Target="../media/image185.png"/><Relationship Id="rId57" Type="http://schemas.openxmlformats.org/officeDocument/2006/relationships/image" Target="../media/image193.png"/><Relationship Id="rId10" Type="http://schemas.openxmlformats.org/officeDocument/2006/relationships/image" Target="../media/image146.png"/><Relationship Id="rId31" Type="http://schemas.openxmlformats.org/officeDocument/2006/relationships/image" Target="../media/image167.png"/><Relationship Id="rId44" Type="http://schemas.openxmlformats.org/officeDocument/2006/relationships/image" Target="../media/image180.png"/><Relationship Id="rId52" Type="http://schemas.openxmlformats.org/officeDocument/2006/relationships/image" Target="../media/image188.png"/><Relationship Id="rId60" Type="http://schemas.openxmlformats.org/officeDocument/2006/relationships/image" Target="../media/image196.png"/><Relationship Id="rId65" Type="http://schemas.openxmlformats.org/officeDocument/2006/relationships/image" Target="../media/image201.png"/><Relationship Id="rId73" Type="http://schemas.openxmlformats.org/officeDocument/2006/relationships/image" Target="../media/image209.png"/><Relationship Id="rId78" Type="http://schemas.openxmlformats.org/officeDocument/2006/relationships/image" Target="../media/image214.png"/><Relationship Id="rId81" Type="http://schemas.openxmlformats.org/officeDocument/2006/relationships/image" Target="../media/image65.png"/><Relationship Id="rId86" Type="http://schemas.openxmlformats.org/officeDocument/2006/relationships/image" Target="../media/image217.png"/></Relationships>
</file>

<file path=xl/drawings/_rels/vmlDrawing2.vml.rels><?xml version="1.0" encoding="UTF-8" standalone="yes"?>
<Relationships xmlns="http://schemas.openxmlformats.org/package/2006/relationships"><Relationship Id="rId1" Type="http://schemas.openxmlformats.org/officeDocument/2006/relationships/image" Target="../media/image4.jpeg"/></Relationships>
</file>

<file path=xl/drawings/_rels/vmlDrawing3.vml.rels><?xml version="1.0" encoding="UTF-8" standalone="yes"?>
<Relationships xmlns="http://schemas.openxmlformats.org/package/2006/relationships"><Relationship Id="rId1" Type="http://schemas.openxmlformats.org/officeDocument/2006/relationships/image" Target="../media/image5.jpeg"/></Relationships>
</file>

<file path=xl/drawings/drawing1.xml><?xml version="1.0" encoding="utf-8"?>
<xdr:wsDr xmlns:xdr="http://schemas.openxmlformats.org/drawingml/2006/spreadsheetDrawing" xmlns:a="http://schemas.openxmlformats.org/drawingml/2006/main">
  <xdr:twoCellAnchor editAs="oneCell">
    <xdr:from>
      <xdr:col>3</xdr:col>
      <xdr:colOff>487952</xdr:colOff>
      <xdr:row>25</xdr:row>
      <xdr:rowOff>208719</xdr:rowOff>
    </xdr:from>
    <xdr:to>
      <xdr:col>8</xdr:col>
      <xdr:colOff>1584507</xdr:colOff>
      <xdr:row>26</xdr:row>
      <xdr:rowOff>5125811</xdr:rowOff>
    </xdr:to>
    <xdr:pic>
      <xdr:nvPicPr>
        <xdr:cNvPr id="2" name="Picture 1">
          <a:extLst>
            <a:ext uri="{FF2B5EF4-FFF2-40B4-BE49-F238E27FC236}">
              <a16:creationId xmlns:a16="http://schemas.microsoft.com/office/drawing/2014/main" id="{D348B57C-D8E4-43B4-BCCA-38ECA5DE2643}"/>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263809" y="6413576"/>
          <a:ext cx="5215709" cy="7206902"/>
        </a:xfrm>
        <a:prstGeom prst="rect">
          <a:avLst/>
        </a:prstGeom>
        <a:noFill/>
        <a:ln>
          <a:noFill/>
        </a:ln>
      </xdr:spPr>
    </xdr:pic>
    <xdr:clientData/>
  </xdr:twoCellAnchor>
  <xdr:oneCellAnchor>
    <xdr:from>
      <xdr:col>6</xdr:col>
      <xdr:colOff>553398</xdr:colOff>
      <xdr:row>120</xdr:row>
      <xdr:rowOff>767603</xdr:rowOff>
    </xdr:from>
    <xdr:ext cx="3128683" cy="402611"/>
    <mc:AlternateContent xmlns:mc="http://schemas.openxmlformats.org/markup-compatibility/2006" xmlns:a14="http://schemas.microsoft.com/office/drawing/2010/main">
      <mc:Choice Requires="a14">
        <xdr:sp macro="" textlink="">
          <xdr:nvSpPr>
            <xdr:cNvPr id="4" name="TextBox 3">
              <a:extLst>
                <a:ext uri="{FF2B5EF4-FFF2-40B4-BE49-F238E27FC236}">
                  <a16:creationId xmlns:a16="http://schemas.microsoft.com/office/drawing/2014/main" id="{6BE4948E-C9F0-4CC4-9D1D-E9284C57CF19}"/>
                </a:ext>
              </a:extLst>
            </xdr:cNvPr>
            <xdr:cNvSpPr txBox="1"/>
          </xdr:nvSpPr>
          <xdr:spPr>
            <a:xfrm>
              <a:off x="5528810" y="49053750"/>
              <a:ext cx="3128683" cy="40261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lIns="0" tIns="0" rIns="0" bIns="0" rtlCol="0" anchor="t">
              <a:spAutoFit/>
            </a:bodyPr>
            <a:lstStyle/>
            <a:p>
              <a:pPr/>
              <a14:m>
                <m:oMathPara xmlns:m="http://schemas.openxmlformats.org/officeDocument/2006/math">
                  <m:oMathParaPr>
                    <m:jc m:val="centerGroup"/>
                  </m:oMathParaPr>
                  <m:oMath xmlns:m="http://schemas.openxmlformats.org/officeDocument/2006/math">
                    <m:acc>
                      <m:accPr>
                        <m:chr m:val="̅"/>
                        <m:ctrlPr>
                          <a:rPr lang="en-NZ" sz="1100" b="0" i="1">
                            <a:latin typeface="Cambria Math" panose="02040503050406030204" pitchFamily="18" charset="0"/>
                          </a:rPr>
                        </m:ctrlPr>
                      </m:accPr>
                      <m:e>
                        <m:sSub>
                          <m:sSubPr>
                            <m:ctrlPr>
                              <a:rPr lang="en-NZ" sz="1100" b="0" i="1">
                                <a:latin typeface="Cambria Math" panose="02040503050406030204" pitchFamily="18" charset="0"/>
                              </a:rPr>
                            </m:ctrlPr>
                          </m:sSubPr>
                          <m:e>
                            <m:r>
                              <a:rPr lang="en-NZ" sz="1100" b="0" i="1">
                                <a:latin typeface="Cambria Math" panose="02040503050406030204" pitchFamily="18" charset="0"/>
                              </a:rPr>
                              <m:t>𝑉</m:t>
                            </m:r>
                          </m:e>
                          <m:sub>
                            <m:r>
                              <a:rPr lang="en-NZ" sz="1100" b="0" i="1">
                                <a:latin typeface="Cambria Math" panose="02040503050406030204" pitchFamily="18" charset="0"/>
                              </a:rPr>
                              <m:t>𝑤</m:t>
                            </m:r>
                          </m:sub>
                        </m:sSub>
                      </m:e>
                    </m:acc>
                    <m:r>
                      <a:rPr lang="en-NZ" sz="1100" b="0" i="1">
                        <a:latin typeface="Cambria Math" panose="02040503050406030204" pitchFamily="18" charset="0"/>
                      </a:rPr>
                      <m:t>= </m:t>
                    </m:r>
                    <m:f>
                      <m:fPr>
                        <m:ctrlPr>
                          <a:rPr lang="en-NZ" sz="1100" b="0" i="1">
                            <a:latin typeface="Cambria Math" panose="02040503050406030204" pitchFamily="18" charset="0"/>
                          </a:rPr>
                        </m:ctrlPr>
                      </m:fPr>
                      <m:num>
                        <m:nary>
                          <m:naryPr>
                            <m:chr m:val="∑"/>
                            <m:ctrlPr>
                              <a:rPr lang="en-NZ" sz="1100" b="0" i="1">
                                <a:latin typeface="Cambria Math" panose="02040503050406030204" pitchFamily="18" charset="0"/>
                              </a:rPr>
                            </m:ctrlPr>
                          </m:naryPr>
                          <m:sub>
                            <m:r>
                              <m:rPr>
                                <m:brk m:alnAt="23"/>
                              </m:rPr>
                              <a:rPr lang="en-NZ" sz="1100" b="0" i="1">
                                <a:latin typeface="Cambria Math" panose="02040503050406030204" pitchFamily="18" charset="0"/>
                              </a:rPr>
                              <m:t>𝑖</m:t>
                            </m:r>
                            <m:r>
                              <a:rPr lang="en-NZ" sz="1100" b="0" i="1">
                                <a:latin typeface="Cambria Math" panose="02040503050406030204" pitchFamily="18" charset="0"/>
                              </a:rPr>
                              <m:t>=</m:t>
                            </m:r>
                            <m:r>
                              <m:rPr>
                                <m:brk m:alnAt="23"/>
                              </m:rPr>
                              <a:rPr lang="en-NZ" sz="1100" b="0" i="1">
                                <a:latin typeface="Cambria Math" panose="02040503050406030204" pitchFamily="18" charset="0"/>
                              </a:rPr>
                              <m:t>1</m:t>
                            </m:r>
                          </m:sub>
                          <m:sup>
                            <m:r>
                              <a:rPr lang="en-NZ" sz="1100" b="0" i="1">
                                <a:latin typeface="Cambria Math" panose="02040503050406030204" pitchFamily="18" charset="0"/>
                              </a:rPr>
                              <m:t>𝑁</m:t>
                            </m:r>
                          </m:sup>
                          <m:e>
                            <m:sSub>
                              <m:sSubPr>
                                <m:ctrlPr>
                                  <a:rPr lang="en-NZ" sz="1100" b="0" i="1">
                                    <a:latin typeface="Cambria Math" panose="02040503050406030204" pitchFamily="18" charset="0"/>
                                  </a:rPr>
                                </m:ctrlPr>
                              </m:sSubPr>
                              <m:e>
                                <m:r>
                                  <a:rPr lang="en-NZ" sz="1100" b="0" i="1">
                                    <a:latin typeface="Cambria Math" panose="02040503050406030204" pitchFamily="18" charset="0"/>
                                  </a:rPr>
                                  <m:t>(</m:t>
                                </m:r>
                                <m:acc>
                                  <m:accPr>
                                    <m:chr m:val="̅"/>
                                    <m:ctrlPr>
                                      <a:rPr lang="en-NZ" sz="1100" b="0" i="1">
                                        <a:latin typeface="Cambria Math" panose="02040503050406030204" pitchFamily="18" charset="0"/>
                                      </a:rPr>
                                    </m:ctrlPr>
                                  </m:accPr>
                                  <m:e>
                                    <m:r>
                                      <a:rPr lang="en-NZ" sz="1100" b="0" i="1">
                                        <a:latin typeface="Cambria Math" panose="02040503050406030204" pitchFamily="18" charset="0"/>
                                      </a:rPr>
                                      <m:t>𝑉</m:t>
                                    </m:r>
                                  </m:e>
                                </m:acc>
                              </m:e>
                              <m:sub>
                                <m:sSub>
                                  <m:sSubPr>
                                    <m:ctrlPr>
                                      <a:rPr lang="en-NZ" sz="1100" b="0" i="1">
                                        <a:latin typeface="Cambria Math" panose="02040503050406030204" pitchFamily="18" charset="0"/>
                                      </a:rPr>
                                    </m:ctrlPr>
                                  </m:sSubPr>
                                  <m:e>
                                    <m:r>
                                      <a:rPr lang="en-NZ" sz="1100" b="0" i="1">
                                        <a:latin typeface="Cambria Math" panose="02040503050406030204" pitchFamily="18" charset="0"/>
                                      </a:rPr>
                                      <m:t>𝐼𝑅𝑅</m:t>
                                    </m:r>
                                    <m:r>
                                      <a:rPr lang="en-NZ" sz="1100" b="0" i="1">
                                        <a:latin typeface="Cambria Math" panose="02040503050406030204" pitchFamily="18" charset="0"/>
                                      </a:rPr>
                                      <m:t> </m:t>
                                    </m:r>
                                    <m:r>
                                      <a:rPr lang="en-NZ" sz="1100" b="0" i="1">
                                        <a:latin typeface="Cambria Math" panose="02040503050406030204" pitchFamily="18" charset="0"/>
                                      </a:rPr>
                                      <m:t>𝑆𝐸𝐺𝑀𝐸𝑁𝑇</m:t>
                                    </m:r>
                                  </m:e>
                                  <m:sub>
                                    <m:r>
                                      <a:rPr lang="en-NZ" sz="1100" b="0" i="1">
                                        <a:latin typeface="Cambria Math" panose="02040503050406030204" pitchFamily="18" charset="0"/>
                                      </a:rPr>
                                      <m:t>𝑖</m:t>
                                    </m:r>
                                  </m:sub>
                                </m:sSub>
                              </m:sub>
                            </m:sSub>
                            <m:r>
                              <a:rPr lang="en-NZ" sz="1100" b="0" i="1">
                                <a:latin typeface="Cambria Math" panose="02040503050406030204" pitchFamily="18" charset="0"/>
                                <a:ea typeface="Cambria Math" panose="02040503050406030204" pitchFamily="18" charset="0"/>
                              </a:rPr>
                              <m:t>×</m:t>
                            </m:r>
                            <m:sSub>
                              <m:sSubPr>
                                <m:ctrlPr>
                                  <a:rPr lang="en-NZ" sz="1100" b="0" i="1">
                                    <a:latin typeface="Cambria Math" panose="02040503050406030204" pitchFamily="18" charset="0"/>
                                    <a:ea typeface="Cambria Math" panose="02040503050406030204" pitchFamily="18" charset="0"/>
                                  </a:rPr>
                                </m:ctrlPr>
                              </m:sSubPr>
                              <m:e>
                                <m:r>
                                  <a:rPr lang="en-NZ" sz="1100" b="0" i="1">
                                    <a:latin typeface="Cambria Math" panose="02040503050406030204" pitchFamily="18" charset="0"/>
                                    <a:ea typeface="Cambria Math" panose="02040503050406030204" pitchFamily="18" charset="0"/>
                                  </a:rPr>
                                  <m:t>𝐿𝑒𝑛𝑔𝑡h</m:t>
                                </m:r>
                              </m:e>
                              <m:sub>
                                <m:r>
                                  <a:rPr lang="en-NZ" sz="1100" b="0" i="1">
                                    <a:latin typeface="Cambria Math" panose="02040503050406030204" pitchFamily="18" charset="0"/>
                                    <a:ea typeface="Cambria Math" panose="02040503050406030204" pitchFamily="18" charset="0"/>
                                  </a:rPr>
                                  <m:t>𝑖</m:t>
                                </m:r>
                              </m:sub>
                            </m:sSub>
                            <m:r>
                              <a:rPr lang="en-NZ" sz="1100" b="0" i="1">
                                <a:latin typeface="Cambria Math" panose="02040503050406030204" pitchFamily="18" charset="0"/>
                                <a:ea typeface="Cambria Math" panose="02040503050406030204" pitchFamily="18" charset="0"/>
                              </a:rPr>
                              <m:t>)</m:t>
                            </m:r>
                          </m:e>
                        </m:nary>
                      </m:num>
                      <m:den>
                        <m:nary>
                          <m:naryPr>
                            <m:chr m:val="∑"/>
                            <m:ctrlPr>
                              <a:rPr lang="en-NZ" sz="1100" b="0" i="1">
                                <a:latin typeface="Cambria Math" panose="02040503050406030204" pitchFamily="18" charset="0"/>
                              </a:rPr>
                            </m:ctrlPr>
                          </m:naryPr>
                          <m:sub>
                            <m:r>
                              <m:rPr>
                                <m:brk m:alnAt="23"/>
                              </m:rPr>
                              <a:rPr lang="en-NZ" sz="1100" b="0" i="1">
                                <a:latin typeface="Cambria Math" panose="02040503050406030204" pitchFamily="18" charset="0"/>
                              </a:rPr>
                              <m:t>𝑖</m:t>
                            </m:r>
                            <m:r>
                              <a:rPr lang="en-NZ" sz="1100" b="0" i="1">
                                <a:latin typeface="Cambria Math" panose="02040503050406030204" pitchFamily="18" charset="0"/>
                              </a:rPr>
                              <m:t>=</m:t>
                            </m:r>
                            <m:r>
                              <m:rPr>
                                <m:brk m:alnAt="23"/>
                              </m:rPr>
                              <a:rPr lang="en-NZ" sz="1100" b="0" i="1">
                                <a:latin typeface="Cambria Math" panose="02040503050406030204" pitchFamily="18" charset="0"/>
                              </a:rPr>
                              <m:t>1</m:t>
                            </m:r>
                          </m:sub>
                          <m:sup>
                            <m:r>
                              <a:rPr lang="en-NZ" sz="1100" b="0" i="1">
                                <a:latin typeface="Cambria Math" panose="02040503050406030204" pitchFamily="18" charset="0"/>
                              </a:rPr>
                              <m:t>𝑁</m:t>
                            </m:r>
                          </m:sup>
                          <m:e>
                            <m:sSub>
                              <m:sSubPr>
                                <m:ctrlPr>
                                  <a:rPr lang="en-NZ" sz="1100" b="0" i="1">
                                    <a:solidFill>
                                      <a:schemeClr val="tx1"/>
                                    </a:solidFill>
                                    <a:effectLst/>
                                    <a:latin typeface="Cambria Math" panose="02040503050406030204" pitchFamily="18" charset="0"/>
                                    <a:ea typeface="+mn-ea"/>
                                    <a:cs typeface="+mn-cs"/>
                                  </a:rPr>
                                </m:ctrlPr>
                              </m:sSubPr>
                              <m:e>
                                <m:r>
                                  <a:rPr lang="en-NZ" sz="1100" b="0" i="1">
                                    <a:solidFill>
                                      <a:schemeClr val="tx1"/>
                                    </a:solidFill>
                                    <a:effectLst/>
                                    <a:latin typeface="Cambria Math" panose="02040503050406030204" pitchFamily="18" charset="0"/>
                                    <a:ea typeface="+mn-ea"/>
                                    <a:cs typeface="+mn-cs"/>
                                  </a:rPr>
                                  <m:t>𝐿𝑒𝑛𝑔𝑡h</m:t>
                                </m:r>
                              </m:e>
                              <m:sub>
                                <m:r>
                                  <a:rPr lang="en-NZ" sz="1100" b="0" i="1">
                                    <a:solidFill>
                                      <a:schemeClr val="tx1"/>
                                    </a:solidFill>
                                    <a:effectLst/>
                                    <a:latin typeface="Cambria Math" panose="02040503050406030204" pitchFamily="18" charset="0"/>
                                    <a:ea typeface="+mn-ea"/>
                                    <a:cs typeface="+mn-cs"/>
                                  </a:rPr>
                                  <m:t>𝑖</m:t>
                                </m:r>
                              </m:sub>
                            </m:sSub>
                          </m:e>
                        </m:nary>
                      </m:den>
                    </m:f>
                  </m:oMath>
                </m:oMathPara>
              </a14:m>
              <a:endParaRPr lang="en-NZ" sz="1100"/>
            </a:p>
          </xdr:txBody>
        </xdr:sp>
      </mc:Choice>
      <mc:Fallback xmlns="">
        <xdr:sp macro="" textlink="">
          <xdr:nvSpPr>
            <xdr:cNvPr id="4" name="TextBox 3">
              <a:extLst>
                <a:ext uri="{FF2B5EF4-FFF2-40B4-BE49-F238E27FC236}">
                  <a16:creationId xmlns:a16="http://schemas.microsoft.com/office/drawing/2014/main" id="{6BE4948E-C9F0-4CC4-9D1D-E9284C57CF19}"/>
                </a:ext>
              </a:extLst>
            </xdr:cNvPr>
            <xdr:cNvSpPr txBox="1"/>
          </xdr:nvSpPr>
          <xdr:spPr>
            <a:xfrm>
              <a:off x="5528810" y="49053750"/>
              <a:ext cx="3128683" cy="40261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lIns="0" tIns="0" rIns="0" bIns="0" rtlCol="0" anchor="t">
              <a:spAutoFit/>
            </a:bodyPr>
            <a:lstStyle/>
            <a:p>
              <a:pPr/>
              <a:r>
                <a:rPr lang="en-NZ" sz="1100" b="0" i="0">
                  <a:latin typeface="Cambria Math" panose="02040503050406030204" pitchFamily="18" charset="0"/>
                </a:rPr>
                <a:t>(𝑉_𝑤 ) ̅=  (∑_(𝑖=1)^𝑁</a:t>
              </a:r>
              <a:r>
                <a:rPr lang="en-NZ" sz="1100" b="0" i="0">
                  <a:latin typeface="Cambria Math" panose="02040503050406030204" pitchFamily="18" charset="0"/>
                  <a:ea typeface="Cambria Math" panose="02040503050406030204" pitchFamily="18" charset="0"/>
                </a:rPr>
                <a:t>▒〖〖</a:t>
              </a:r>
              <a:r>
                <a:rPr lang="en-NZ" sz="1100" b="0" i="0">
                  <a:latin typeface="Cambria Math" panose="02040503050406030204" pitchFamily="18" charset="0"/>
                </a:rPr>
                <a:t>(𝑉 ̅〗_(〖𝐼𝑅𝑅 𝑆𝐸𝐺𝑀𝐸𝑁𝑇〗_𝑖 )</a:t>
              </a:r>
              <a:r>
                <a:rPr lang="en-NZ" sz="1100" b="0" i="0">
                  <a:latin typeface="Cambria Math" panose="02040503050406030204" pitchFamily="18" charset="0"/>
                  <a:ea typeface="Cambria Math" panose="02040503050406030204" pitchFamily="18" charset="0"/>
                </a:rPr>
                <a:t>×〖𝐿𝑒𝑛𝑔𝑡ℎ〗_𝑖)〗)/(∑_(</a:t>
              </a:r>
              <a:r>
                <a:rPr lang="en-NZ" sz="1100" b="0" i="0">
                  <a:latin typeface="Cambria Math" panose="02040503050406030204" pitchFamily="18" charset="0"/>
                </a:rPr>
                <a:t>𝑖=1)^𝑁</a:t>
              </a:r>
              <a:r>
                <a:rPr lang="en-NZ" sz="1100" b="0" i="0">
                  <a:solidFill>
                    <a:schemeClr val="tx1"/>
                  </a:solidFill>
                  <a:effectLst/>
                  <a:latin typeface="Cambria Math" panose="02040503050406030204" pitchFamily="18" charset="0"/>
                  <a:ea typeface="+mn-ea"/>
                  <a:cs typeface="+mn-cs"/>
                </a:rPr>
                <a:t>▒〖𝐿𝑒𝑛𝑔𝑡ℎ〗_𝑖 )</a:t>
              </a:r>
              <a:endParaRPr lang="en-NZ" sz="1100"/>
            </a:p>
          </xdr:txBody>
        </xdr:sp>
      </mc:Fallback>
    </mc:AlternateContent>
    <xdr:clientData/>
  </xdr:oneCellAnchor>
  <xdr:twoCellAnchor>
    <xdr:from>
      <xdr:col>2</xdr:col>
      <xdr:colOff>224117</xdr:colOff>
      <xdr:row>180</xdr:row>
      <xdr:rowOff>1232647</xdr:rowOff>
    </xdr:from>
    <xdr:to>
      <xdr:col>6</xdr:col>
      <xdr:colOff>552311</xdr:colOff>
      <xdr:row>180</xdr:row>
      <xdr:rowOff>3967758</xdr:rowOff>
    </xdr:to>
    <xdr:grpSp>
      <xdr:nvGrpSpPr>
        <xdr:cNvPr id="5" name="Group 4">
          <a:extLst>
            <a:ext uri="{FF2B5EF4-FFF2-40B4-BE49-F238E27FC236}">
              <a16:creationId xmlns:a16="http://schemas.microsoft.com/office/drawing/2014/main" id="{5F42560D-118A-4248-8CD5-D6081E1153AB}"/>
            </a:ext>
          </a:extLst>
        </xdr:cNvPr>
        <xdr:cNvGrpSpPr/>
      </xdr:nvGrpSpPr>
      <xdr:grpSpPr>
        <a:xfrm>
          <a:off x="1816153" y="81174611"/>
          <a:ext cx="3770801" cy="2735111"/>
          <a:chOff x="1412741" y="55821385"/>
          <a:chExt cx="3530490" cy="2417122"/>
        </a:xfrm>
      </xdr:grpSpPr>
      <xdr:pic>
        <xdr:nvPicPr>
          <xdr:cNvPr id="6" name="Picture 5">
            <a:extLst>
              <a:ext uri="{FF2B5EF4-FFF2-40B4-BE49-F238E27FC236}">
                <a16:creationId xmlns:a16="http://schemas.microsoft.com/office/drawing/2014/main" id="{E28042F9-447D-464D-AFA0-395095230220}"/>
              </a:ext>
            </a:extLst>
          </xdr:cNvPr>
          <xdr:cNvPicPr>
            <a:picLocks noChangeAspect="1"/>
          </xdr:cNvPicPr>
        </xdr:nvPicPr>
        <xdr:blipFill rotWithShape="1">
          <a:blip xmlns:r="http://schemas.openxmlformats.org/officeDocument/2006/relationships" r:embed="rId2"/>
          <a:srcRect t="11570" r="18951"/>
          <a:stretch/>
        </xdr:blipFill>
        <xdr:spPr>
          <a:xfrm>
            <a:off x="1412741" y="55821385"/>
            <a:ext cx="3530490" cy="2417122"/>
          </a:xfrm>
          <a:prstGeom prst="rect">
            <a:avLst/>
          </a:prstGeom>
        </xdr:spPr>
      </xdr:pic>
      <xdr:sp macro="" textlink="">
        <xdr:nvSpPr>
          <xdr:cNvPr id="7" name="Freeform: Shape 6">
            <a:extLst>
              <a:ext uri="{FF2B5EF4-FFF2-40B4-BE49-F238E27FC236}">
                <a16:creationId xmlns:a16="http://schemas.microsoft.com/office/drawing/2014/main" id="{7605C257-D798-4567-9D8F-C418B8678E2A}"/>
              </a:ext>
            </a:extLst>
          </xdr:cNvPr>
          <xdr:cNvSpPr/>
        </xdr:nvSpPr>
        <xdr:spPr>
          <a:xfrm>
            <a:off x="2794000" y="56104692"/>
            <a:ext cx="1108808" cy="2056423"/>
          </a:xfrm>
          <a:custGeom>
            <a:avLst/>
            <a:gdLst>
              <a:gd name="connsiteX0" fmla="*/ 185615 w 1108808"/>
              <a:gd name="connsiteY0" fmla="*/ 0 h 2056423"/>
              <a:gd name="connsiteX1" fmla="*/ 175846 w 1108808"/>
              <a:gd name="connsiteY1" fmla="*/ 346808 h 2056423"/>
              <a:gd name="connsiteX2" fmla="*/ 127000 w 1108808"/>
              <a:gd name="connsiteY2" fmla="*/ 478693 h 2056423"/>
              <a:gd name="connsiteX3" fmla="*/ 0 w 1108808"/>
              <a:gd name="connsiteY3" fmla="*/ 483577 h 2056423"/>
              <a:gd name="connsiteX4" fmla="*/ 9769 w 1108808"/>
              <a:gd name="connsiteY4" fmla="*/ 610577 h 2056423"/>
              <a:gd name="connsiteX5" fmla="*/ 73269 w 1108808"/>
              <a:gd name="connsiteY5" fmla="*/ 620346 h 2056423"/>
              <a:gd name="connsiteX6" fmla="*/ 639885 w 1108808"/>
              <a:gd name="connsiteY6" fmla="*/ 893885 h 2056423"/>
              <a:gd name="connsiteX7" fmla="*/ 595923 w 1108808"/>
              <a:gd name="connsiteY7" fmla="*/ 1040423 h 2056423"/>
              <a:gd name="connsiteX8" fmla="*/ 879231 w 1108808"/>
              <a:gd name="connsiteY8" fmla="*/ 1846385 h 2056423"/>
              <a:gd name="connsiteX9" fmla="*/ 903654 w 1108808"/>
              <a:gd name="connsiteY9" fmla="*/ 2056423 h 2056423"/>
              <a:gd name="connsiteX10" fmla="*/ 1103923 w 1108808"/>
              <a:gd name="connsiteY10" fmla="*/ 1997808 h 2056423"/>
              <a:gd name="connsiteX11" fmla="*/ 1108808 w 1108808"/>
              <a:gd name="connsiteY11" fmla="*/ 1763346 h 2056423"/>
              <a:gd name="connsiteX12" fmla="*/ 854808 w 1108808"/>
              <a:gd name="connsiteY12" fmla="*/ 1011116 h 2056423"/>
              <a:gd name="connsiteX13" fmla="*/ 869462 w 1108808"/>
              <a:gd name="connsiteY13" fmla="*/ 962270 h 2056423"/>
              <a:gd name="connsiteX14" fmla="*/ 889000 w 1108808"/>
              <a:gd name="connsiteY14" fmla="*/ 781539 h 2056423"/>
              <a:gd name="connsiteX15" fmla="*/ 654538 w 1108808"/>
              <a:gd name="connsiteY15" fmla="*/ 605693 h 2056423"/>
              <a:gd name="connsiteX16" fmla="*/ 302846 w 1108808"/>
              <a:gd name="connsiteY16" fmla="*/ 483577 h 2056423"/>
              <a:gd name="connsiteX17" fmla="*/ 366346 w 1108808"/>
              <a:gd name="connsiteY17" fmla="*/ 4885 h 2056423"/>
              <a:gd name="connsiteX18" fmla="*/ 185615 w 1108808"/>
              <a:gd name="connsiteY18" fmla="*/ 0 h 20564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1108808" h="2056423">
                <a:moveTo>
                  <a:pt x="185615" y="0"/>
                </a:moveTo>
                <a:lnTo>
                  <a:pt x="175846" y="346808"/>
                </a:lnTo>
                <a:lnTo>
                  <a:pt x="127000" y="478693"/>
                </a:lnTo>
                <a:lnTo>
                  <a:pt x="0" y="483577"/>
                </a:lnTo>
                <a:lnTo>
                  <a:pt x="9769" y="610577"/>
                </a:lnTo>
                <a:lnTo>
                  <a:pt x="73269" y="620346"/>
                </a:lnTo>
                <a:lnTo>
                  <a:pt x="639885" y="893885"/>
                </a:lnTo>
                <a:lnTo>
                  <a:pt x="595923" y="1040423"/>
                </a:lnTo>
                <a:lnTo>
                  <a:pt x="879231" y="1846385"/>
                </a:lnTo>
                <a:lnTo>
                  <a:pt x="903654" y="2056423"/>
                </a:lnTo>
                <a:lnTo>
                  <a:pt x="1103923" y="1997808"/>
                </a:lnTo>
                <a:lnTo>
                  <a:pt x="1108808" y="1763346"/>
                </a:lnTo>
                <a:lnTo>
                  <a:pt x="854808" y="1011116"/>
                </a:lnTo>
                <a:lnTo>
                  <a:pt x="869462" y="962270"/>
                </a:lnTo>
                <a:lnTo>
                  <a:pt x="889000" y="781539"/>
                </a:lnTo>
                <a:lnTo>
                  <a:pt x="654538" y="605693"/>
                </a:lnTo>
                <a:lnTo>
                  <a:pt x="302846" y="483577"/>
                </a:lnTo>
                <a:lnTo>
                  <a:pt x="366346" y="4885"/>
                </a:lnTo>
                <a:lnTo>
                  <a:pt x="185615" y="0"/>
                </a:lnTo>
                <a:close/>
              </a:path>
            </a:pathLst>
          </a:custGeom>
          <a:noFill/>
          <a:ln>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NZ" sz="1100"/>
          </a:p>
        </xdr:txBody>
      </xdr:sp>
    </xdr:grpSp>
    <xdr:clientData/>
  </xdr:twoCellAnchor>
  <xdr:twoCellAnchor editAs="oneCell">
    <xdr:from>
      <xdr:col>9</xdr:col>
      <xdr:colOff>1088570</xdr:colOff>
      <xdr:row>25</xdr:row>
      <xdr:rowOff>278130</xdr:rowOff>
    </xdr:from>
    <xdr:to>
      <xdr:col>16</xdr:col>
      <xdr:colOff>1146461</xdr:colOff>
      <xdr:row>26</xdr:row>
      <xdr:rowOff>4892584</xdr:rowOff>
    </xdr:to>
    <xdr:pic>
      <xdr:nvPicPr>
        <xdr:cNvPr id="8" name="Picture 7">
          <a:extLst>
            <a:ext uri="{FF2B5EF4-FFF2-40B4-BE49-F238E27FC236}">
              <a16:creationId xmlns:a16="http://schemas.microsoft.com/office/drawing/2014/main" id="{1B2C02BB-4D61-4036-9750-EF4C12A0D0D5}"/>
            </a:ext>
          </a:extLst>
        </xdr:cNvPr>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647463" y="6482987"/>
          <a:ext cx="9732569" cy="6896644"/>
        </a:xfrm>
        <a:prstGeom prst="rect">
          <a:avLst/>
        </a:prstGeom>
        <a:noFill/>
        <a:ln>
          <a:noFill/>
        </a:ln>
      </xdr:spPr>
    </xdr:pic>
    <xdr:clientData/>
  </xdr:twoCellAnchor>
</xdr:wsDr>
</file>

<file path=xl/drawings/drawing2.xml><?xml version="1.0" encoding="utf-8"?>
<xdr:wsDr xmlns:xdr="http://schemas.openxmlformats.org/drawingml/2006/spreadsheetDrawing" xmlns:a="http://schemas.openxmlformats.org/drawingml/2006/main">
  <xdr:oneCellAnchor>
    <xdr:from>
      <xdr:col>0</xdr:col>
      <xdr:colOff>0</xdr:colOff>
      <xdr:row>3</xdr:row>
      <xdr:rowOff>0</xdr:rowOff>
    </xdr:from>
    <xdr:ext cx="2787777" cy="2095792"/>
    <xdr:pic>
      <xdr:nvPicPr>
        <xdr:cNvPr id="2" name="Picture 1">
          <a:extLst>
            <a:ext uri="{FF2B5EF4-FFF2-40B4-BE49-F238E27FC236}">
              <a16:creationId xmlns:a16="http://schemas.microsoft.com/office/drawing/2014/main" id="{60170B6C-C10B-48D0-B7FE-0FF3DD4DEBC4}"/>
            </a:ext>
          </a:extLst>
        </xdr:cNvPr>
        <xdr:cNvPicPr>
          <a:picLocks noChangeAspect="1"/>
        </xdr:cNvPicPr>
      </xdr:nvPicPr>
      <xdr:blipFill>
        <a:blip xmlns:r="http://schemas.openxmlformats.org/officeDocument/2006/relationships" r:embed="rId1"/>
        <a:stretch>
          <a:fillRect/>
        </a:stretch>
      </xdr:blipFill>
      <xdr:spPr>
        <a:xfrm>
          <a:off x="0" y="571500"/>
          <a:ext cx="2787777" cy="2095792"/>
        </a:xfrm>
        <a:prstGeom prst="rect">
          <a:avLst/>
        </a:prstGeom>
      </xdr:spPr>
    </xdr:pic>
    <xdr:clientData/>
  </xdr:oneCellAnchor>
  <xdr:oneCellAnchor>
    <xdr:from>
      <xdr:col>0</xdr:col>
      <xdr:colOff>23478</xdr:colOff>
      <xdr:row>13</xdr:row>
      <xdr:rowOff>180975</xdr:rowOff>
    </xdr:from>
    <xdr:ext cx="2638881" cy="2171700"/>
    <xdr:pic>
      <xdr:nvPicPr>
        <xdr:cNvPr id="3" name="Picture 2">
          <a:extLst>
            <a:ext uri="{FF2B5EF4-FFF2-40B4-BE49-F238E27FC236}">
              <a16:creationId xmlns:a16="http://schemas.microsoft.com/office/drawing/2014/main" id="{1B30490F-01DE-4CAE-88CC-18624C0B1869}"/>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xdr:blipFill>
      <xdr:spPr>
        <a:xfrm>
          <a:off x="23478" y="2657475"/>
          <a:ext cx="2638881" cy="2171700"/>
        </a:xfrm>
        <a:prstGeom prst="rect">
          <a:avLst/>
        </a:prstGeom>
      </xdr:spPr>
    </xdr:pic>
    <xdr:clientData/>
  </xdr:oneCellAnchor>
  <xdr:oneCellAnchor>
    <xdr:from>
      <xdr:col>0</xdr:col>
      <xdr:colOff>1</xdr:colOff>
      <xdr:row>25</xdr:row>
      <xdr:rowOff>47625</xdr:rowOff>
    </xdr:from>
    <xdr:ext cx="2669721" cy="1837538"/>
    <xdr:pic>
      <xdr:nvPicPr>
        <xdr:cNvPr id="4" name="Picture 3">
          <a:extLst>
            <a:ext uri="{FF2B5EF4-FFF2-40B4-BE49-F238E27FC236}">
              <a16:creationId xmlns:a16="http://schemas.microsoft.com/office/drawing/2014/main" id="{C6EB5807-0320-4715-B088-02AF899C4444}"/>
            </a:ext>
          </a:extLst>
        </xdr:cNvPr>
        <xdr:cNvPicPr>
          <a:picLocks noChangeAspect="1"/>
        </xdr:cNvPicPr>
      </xdr:nvPicPr>
      <xdr:blipFill>
        <a:blip xmlns:r="http://schemas.openxmlformats.org/officeDocument/2006/relationships" r:embed="rId3"/>
        <a:stretch>
          <a:fillRect/>
        </a:stretch>
      </xdr:blipFill>
      <xdr:spPr>
        <a:xfrm>
          <a:off x="1" y="4810125"/>
          <a:ext cx="2669721" cy="1837538"/>
        </a:xfrm>
        <a:prstGeom prst="rect">
          <a:avLst/>
        </a:prstGeom>
      </xdr:spPr>
    </xdr:pic>
    <xdr:clientData/>
  </xdr:oneCellAnchor>
  <xdr:oneCellAnchor>
    <xdr:from>
      <xdr:col>4</xdr:col>
      <xdr:colOff>246529</xdr:colOff>
      <xdr:row>3</xdr:row>
      <xdr:rowOff>44824</xdr:rowOff>
    </xdr:from>
    <xdr:ext cx="2948749" cy="2827905"/>
    <xdr:pic>
      <xdr:nvPicPr>
        <xdr:cNvPr id="5" name="Picture 4">
          <a:extLst>
            <a:ext uri="{FF2B5EF4-FFF2-40B4-BE49-F238E27FC236}">
              <a16:creationId xmlns:a16="http://schemas.microsoft.com/office/drawing/2014/main" id="{F7ECD7E9-43C7-4343-84A4-699365719FAF}"/>
            </a:ext>
          </a:extLst>
        </xdr:cNvPr>
        <xdr:cNvPicPr>
          <a:picLocks noChangeAspect="1"/>
        </xdr:cNvPicPr>
      </xdr:nvPicPr>
      <xdr:blipFill>
        <a:blip xmlns:r="http://schemas.openxmlformats.org/officeDocument/2006/relationships" r:embed="rId4"/>
        <a:stretch>
          <a:fillRect/>
        </a:stretch>
      </xdr:blipFill>
      <xdr:spPr>
        <a:xfrm>
          <a:off x="2875429" y="616324"/>
          <a:ext cx="2948749" cy="2827905"/>
        </a:xfrm>
        <a:prstGeom prst="rect">
          <a:avLst/>
        </a:prstGeom>
      </xdr:spPr>
    </xdr:pic>
    <xdr:clientData/>
  </xdr:oneCellAnchor>
  <xdr:oneCellAnchor>
    <xdr:from>
      <xdr:col>4</xdr:col>
      <xdr:colOff>246529</xdr:colOff>
      <xdr:row>19</xdr:row>
      <xdr:rowOff>125936</xdr:rowOff>
    </xdr:from>
    <xdr:ext cx="2806830" cy="2981465"/>
    <xdr:pic>
      <xdr:nvPicPr>
        <xdr:cNvPr id="6" name="Picture 5">
          <a:extLst>
            <a:ext uri="{FF2B5EF4-FFF2-40B4-BE49-F238E27FC236}">
              <a16:creationId xmlns:a16="http://schemas.microsoft.com/office/drawing/2014/main" id="{DC6CB1F8-C33E-4E4A-979C-0CF5FC0AC604}"/>
            </a:ext>
          </a:extLst>
        </xdr:cNvPr>
        <xdr:cNvPicPr>
          <a:picLocks noChangeAspect="1"/>
        </xdr:cNvPicPr>
      </xdr:nvPicPr>
      <xdr:blipFill>
        <a:blip xmlns:r="http://schemas.openxmlformats.org/officeDocument/2006/relationships" r:embed="rId5">
          <a:extLst>
            <a:ext uri="{28A0092B-C50C-407E-A947-70E740481C1C}">
              <a14:useLocalDpi xmlns:a14="http://schemas.microsoft.com/office/drawing/2010/main" val="0"/>
            </a:ext>
          </a:extLst>
        </a:blip>
        <a:srcRect/>
        <a:stretch/>
      </xdr:blipFill>
      <xdr:spPr>
        <a:xfrm>
          <a:off x="2875429" y="3745436"/>
          <a:ext cx="2806830" cy="2981465"/>
        </a:xfrm>
        <a:prstGeom prst="rect">
          <a:avLst/>
        </a:prstGeom>
      </xdr:spPr>
    </xdr:pic>
    <xdr:clientData/>
  </xdr:oneCellAnchor>
  <xdr:oneCellAnchor>
    <xdr:from>
      <xdr:col>9</xdr:col>
      <xdr:colOff>0</xdr:colOff>
      <xdr:row>2</xdr:row>
      <xdr:rowOff>0</xdr:rowOff>
    </xdr:from>
    <xdr:ext cx="2816356" cy="2067213"/>
    <xdr:pic>
      <xdr:nvPicPr>
        <xdr:cNvPr id="7" name="Picture 6">
          <a:extLst>
            <a:ext uri="{FF2B5EF4-FFF2-40B4-BE49-F238E27FC236}">
              <a16:creationId xmlns:a16="http://schemas.microsoft.com/office/drawing/2014/main" id="{0F948920-3775-485E-8D53-3F5D3B4A3749}"/>
            </a:ext>
          </a:extLst>
        </xdr:cNvPr>
        <xdr:cNvPicPr>
          <a:picLocks noChangeAspect="1"/>
        </xdr:cNvPicPr>
      </xdr:nvPicPr>
      <xdr:blipFill>
        <a:blip xmlns:r="http://schemas.openxmlformats.org/officeDocument/2006/relationships" r:embed="rId6"/>
        <a:stretch>
          <a:fillRect/>
        </a:stretch>
      </xdr:blipFill>
      <xdr:spPr>
        <a:xfrm>
          <a:off x="5915025" y="381000"/>
          <a:ext cx="2816356" cy="2067213"/>
        </a:xfrm>
        <a:prstGeom prst="rect">
          <a:avLst/>
        </a:prstGeom>
      </xdr:spPr>
    </xdr:pic>
    <xdr:clientData/>
  </xdr:oneCellAnchor>
  <xdr:oneCellAnchor>
    <xdr:from>
      <xdr:col>9</xdr:col>
      <xdr:colOff>30520</xdr:colOff>
      <xdr:row>13</xdr:row>
      <xdr:rowOff>0</xdr:rowOff>
    </xdr:from>
    <xdr:ext cx="2745788" cy="2152950"/>
    <xdr:pic>
      <xdr:nvPicPr>
        <xdr:cNvPr id="8" name="Picture 7">
          <a:extLst>
            <a:ext uri="{FF2B5EF4-FFF2-40B4-BE49-F238E27FC236}">
              <a16:creationId xmlns:a16="http://schemas.microsoft.com/office/drawing/2014/main" id="{C5F657BA-F1EC-48B0-AEEE-D6F6F116322D}"/>
            </a:ext>
          </a:extLst>
        </xdr:cNvPr>
        <xdr:cNvPicPr>
          <a:picLocks noChangeAspect="1"/>
        </xdr:cNvPicPr>
      </xdr:nvPicPr>
      <xdr:blipFill>
        <a:blip xmlns:r="http://schemas.openxmlformats.org/officeDocument/2006/relationships" r:embed="rId7">
          <a:extLst>
            <a:ext uri="{28A0092B-C50C-407E-A947-70E740481C1C}">
              <a14:useLocalDpi xmlns:a14="http://schemas.microsoft.com/office/drawing/2010/main" val="0"/>
            </a:ext>
          </a:extLst>
        </a:blip>
        <a:srcRect/>
        <a:stretch/>
      </xdr:blipFill>
      <xdr:spPr>
        <a:xfrm>
          <a:off x="5945545" y="2476500"/>
          <a:ext cx="2745788" cy="2152950"/>
        </a:xfrm>
        <a:prstGeom prst="rect">
          <a:avLst/>
        </a:prstGeom>
      </xdr:spPr>
    </xdr:pic>
    <xdr:clientData/>
  </xdr:oneCellAnchor>
  <xdr:oneCellAnchor>
    <xdr:from>
      <xdr:col>9</xdr:col>
      <xdr:colOff>0</xdr:colOff>
      <xdr:row>24</xdr:row>
      <xdr:rowOff>0</xdr:rowOff>
    </xdr:from>
    <xdr:ext cx="2778250" cy="1581371"/>
    <xdr:pic>
      <xdr:nvPicPr>
        <xdr:cNvPr id="9" name="Picture 8">
          <a:extLst>
            <a:ext uri="{FF2B5EF4-FFF2-40B4-BE49-F238E27FC236}">
              <a16:creationId xmlns:a16="http://schemas.microsoft.com/office/drawing/2014/main" id="{05F06562-F266-4406-9526-45BD1554BA44}"/>
            </a:ext>
          </a:extLst>
        </xdr:cNvPr>
        <xdr:cNvPicPr>
          <a:picLocks noChangeAspect="1"/>
        </xdr:cNvPicPr>
      </xdr:nvPicPr>
      <xdr:blipFill>
        <a:blip xmlns:r="http://schemas.openxmlformats.org/officeDocument/2006/relationships" r:embed="rId8"/>
        <a:stretch>
          <a:fillRect/>
        </a:stretch>
      </xdr:blipFill>
      <xdr:spPr>
        <a:xfrm>
          <a:off x="5915025" y="4572000"/>
          <a:ext cx="2778250" cy="1581371"/>
        </a:xfrm>
        <a:prstGeom prst="rect">
          <a:avLst/>
        </a:prstGeom>
      </xdr:spPr>
    </xdr:pic>
    <xdr:clientData/>
  </xdr:oneCellAnchor>
  <xdr:oneCellAnchor>
    <xdr:from>
      <xdr:col>13</xdr:col>
      <xdr:colOff>442427</xdr:colOff>
      <xdr:row>2</xdr:row>
      <xdr:rowOff>67235</xdr:rowOff>
    </xdr:from>
    <xdr:ext cx="2506322" cy="2767831"/>
    <xdr:pic>
      <xdr:nvPicPr>
        <xdr:cNvPr id="10" name="Picture 9">
          <a:extLst>
            <a:ext uri="{FF2B5EF4-FFF2-40B4-BE49-F238E27FC236}">
              <a16:creationId xmlns:a16="http://schemas.microsoft.com/office/drawing/2014/main" id="{C234C323-F280-44D0-834A-A3E228E78B3A}"/>
            </a:ext>
          </a:extLst>
        </xdr:cNvPr>
        <xdr:cNvPicPr>
          <a:picLocks noChangeAspect="1"/>
        </xdr:cNvPicPr>
      </xdr:nvPicPr>
      <xdr:blipFill>
        <a:blip xmlns:r="http://schemas.openxmlformats.org/officeDocument/2006/relationships" r:embed="rId9"/>
        <a:stretch>
          <a:fillRect/>
        </a:stretch>
      </xdr:blipFill>
      <xdr:spPr>
        <a:xfrm>
          <a:off x="8986352" y="448235"/>
          <a:ext cx="2506322" cy="2767831"/>
        </a:xfrm>
        <a:prstGeom prst="rect">
          <a:avLst/>
        </a:prstGeom>
      </xdr:spPr>
    </xdr:pic>
    <xdr:clientData/>
  </xdr:oneCellAnchor>
  <xdr:oneCellAnchor>
    <xdr:from>
      <xdr:col>13</xdr:col>
      <xdr:colOff>487734</xdr:colOff>
      <xdr:row>17</xdr:row>
      <xdr:rowOff>123264</xdr:rowOff>
    </xdr:from>
    <xdr:ext cx="2529485" cy="2781688"/>
    <xdr:pic>
      <xdr:nvPicPr>
        <xdr:cNvPr id="11" name="Picture 10">
          <a:extLst>
            <a:ext uri="{FF2B5EF4-FFF2-40B4-BE49-F238E27FC236}">
              <a16:creationId xmlns:a16="http://schemas.microsoft.com/office/drawing/2014/main" id="{88FFF27D-C3BB-4D2D-9EF2-E1D2390D69D8}"/>
            </a:ext>
          </a:extLst>
        </xdr:cNvPr>
        <xdr:cNvPicPr>
          <a:picLocks noChangeAspect="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xdr:blipFill>
      <xdr:spPr>
        <a:xfrm>
          <a:off x="9031659" y="3361764"/>
          <a:ext cx="2529485" cy="2781688"/>
        </a:xfrm>
        <a:prstGeom prst="rect">
          <a:avLst/>
        </a:prstGeom>
      </xdr:spPr>
    </xdr:pic>
    <xdr:clientData/>
  </xdr:oneCellAnchor>
  <xdr:oneCellAnchor>
    <xdr:from>
      <xdr:col>14</xdr:col>
      <xdr:colOff>41549</xdr:colOff>
      <xdr:row>204</xdr:row>
      <xdr:rowOff>13244</xdr:rowOff>
    </xdr:from>
    <xdr:ext cx="2460510" cy="3992846"/>
    <xdr:pic>
      <xdr:nvPicPr>
        <xdr:cNvPr id="12" name="Picture 11">
          <a:extLst>
            <a:ext uri="{FF2B5EF4-FFF2-40B4-BE49-F238E27FC236}">
              <a16:creationId xmlns:a16="http://schemas.microsoft.com/office/drawing/2014/main" id="{333ED9BE-D772-4372-AB3E-F0CA513D8BAA}"/>
            </a:ext>
          </a:extLst>
        </xdr:cNvPr>
        <xdr:cNvPicPr>
          <a:picLocks noChangeAspect="1"/>
        </xdr:cNvPicPr>
      </xdr:nvPicPr>
      <xdr:blipFill>
        <a:blip xmlns:r="http://schemas.openxmlformats.org/officeDocument/2006/relationships" r:embed="rId11"/>
        <a:stretch>
          <a:fillRect/>
        </a:stretch>
      </xdr:blipFill>
      <xdr:spPr>
        <a:xfrm>
          <a:off x="9242699" y="38875244"/>
          <a:ext cx="2460510" cy="3992846"/>
        </a:xfrm>
        <a:prstGeom prst="rect">
          <a:avLst/>
        </a:prstGeom>
      </xdr:spPr>
    </xdr:pic>
    <xdr:clientData/>
  </xdr:oneCellAnchor>
  <xdr:oneCellAnchor>
    <xdr:from>
      <xdr:col>9</xdr:col>
      <xdr:colOff>136507</xdr:colOff>
      <xdr:row>204</xdr:row>
      <xdr:rowOff>24449</xdr:rowOff>
    </xdr:from>
    <xdr:ext cx="3084953" cy="2297206"/>
    <xdr:pic>
      <xdr:nvPicPr>
        <xdr:cNvPr id="13" name="Picture 12">
          <a:extLst>
            <a:ext uri="{FF2B5EF4-FFF2-40B4-BE49-F238E27FC236}">
              <a16:creationId xmlns:a16="http://schemas.microsoft.com/office/drawing/2014/main" id="{507A79EE-086A-493A-8AC8-80E592DA716B}"/>
            </a:ext>
          </a:extLst>
        </xdr:cNvPr>
        <xdr:cNvPicPr>
          <a:picLocks noChangeAspect="1"/>
        </xdr:cNvPicPr>
      </xdr:nvPicPr>
      <xdr:blipFill>
        <a:blip xmlns:r="http://schemas.openxmlformats.org/officeDocument/2006/relationships" r:embed="rId12"/>
        <a:stretch>
          <a:fillRect/>
        </a:stretch>
      </xdr:blipFill>
      <xdr:spPr>
        <a:xfrm>
          <a:off x="6051532" y="38886449"/>
          <a:ext cx="3084953" cy="2297206"/>
        </a:xfrm>
        <a:prstGeom prst="rect">
          <a:avLst/>
        </a:prstGeom>
      </xdr:spPr>
    </xdr:pic>
    <xdr:clientData/>
  </xdr:oneCellAnchor>
  <xdr:oneCellAnchor>
    <xdr:from>
      <xdr:col>9</xdr:col>
      <xdr:colOff>69272</xdr:colOff>
      <xdr:row>217</xdr:row>
      <xdr:rowOff>69273</xdr:rowOff>
    </xdr:from>
    <xdr:ext cx="3149778" cy="2229161"/>
    <xdr:pic>
      <xdr:nvPicPr>
        <xdr:cNvPr id="14" name="Picture 13">
          <a:extLst>
            <a:ext uri="{FF2B5EF4-FFF2-40B4-BE49-F238E27FC236}">
              <a16:creationId xmlns:a16="http://schemas.microsoft.com/office/drawing/2014/main" id="{EBF6AB1D-9F0F-4497-ABC0-521A1D756252}"/>
            </a:ext>
          </a:extLst>
        </xdr:cNvPr>
        <xdr:cNvPicPr>
          <a:picLocks noChangeAspect="1"/>
        </xdr:cNvPicPr>
      </xdr:nvPicPr>
      <xdr:blipFill>
        <a:blip xmlns:r="http://schemas.openxmlformats.org/officeDocument/2006/relationships" r:embed="rId13"/>
        <a:stretch>
          <a:fillRect/>
        </a:stretch>
      </xdr:blipFill>
      <xdr:spPr>
        <a:xfrm>
          <a:off x="5984297" y="41407773"/>
          <a:ext cx="3149778" cy="2229161"/>
        </a:xfrm>
        <a:prstGeom prst="rect">
          <a:avLst/>
        </a:prstGeom>
      </xdr:spPr>
    </xdr:pic>
    <xdr:clientData/>
  </xdr:oneCellAnchor>
  <xdr:oneCellAnchor>
    <xdr:from>
      <xdr:col>9</xdr:col>
      <xdr:colOff>80478</xdr:colOff>
      <xdr:row>229</xdr:row>
      <xdr:rowOff>114096</xdr:rowOff>
    </xdr:from>
    <xdr:ext cx="3083093" cy="2248214"/>
    <xdr:pic>
      <xdr:nvPicPr>
        <xdr:cNvPr id="15" name="Picture 14">
          <a:extLst>
            <a:ext uri="{FF2B5EF4-FFF2-40B4-BE49-F238E27FC236}">
              <a16:creationId xmlns:a16="http://schemas.microsoft.com/office/drawing/2014/main" id="{93AF7C0F-308C-479C-9719-951FDD43CA0C}"/>
            </a:ext>
          </a:extLst>
        </xdr:cNvPr>
        <xdr:cNvPicPr>
          <a:picLocks noChangeAspect="1"/>
        </xdr:cNvPicPr>
      </xdr:nvPicPr>
      <xdr:blipFill>
        <a:blip xmlns:r="http://schemas.openxmlformats.org/officeDocument/2006/relationships" r:embed="rId14"/>
        <a:stretch>
          <a:fillRect/>
        </a:stretch>
      </xdr:blipFill>
      <xdr:spPr>
        <a:xfrm>
          <a:off x="5995503" y="43738596"/>
          <a:ext cx="3083093" cy="2248214"/>
        </a:xfrm>
        <a:prstGeom prst="rect">
          <a:avLst/>
        </a:prstGeom>
      </xdr:spPr>
    </xdr:pic>
    <xdr:clientData/>
  </xdr:oneCellAnchor>
  <xdr:oneCellAnchor>
    <xdr:from>
      <xdr:col>13</xdr:col>
      <xdr:colOff>618360</xdr:colOff>
      <xdr:row>227</xdr:row>
      <xdr:rowOff>40087</xdr:rowOff>
    </xdr:from>
    <xdr:ext cx="2648384" cy="2999773"/>
    <xdr:pic>
      <xdr:nvPicPr>
        <xdr:cNvPr id="16" name="Picture 15">
          <a:extLst>
            <a:ext uri="{FF2B5EF4-FFF2-40B4-BE49-F238E27FC236}">
              <a16:creationId xmlns:a16="http://schemas.microsoft.com/office/drawing/2014/main" id="{2B5F44F7-513C-4CFF-979B-161F9174CDB7}"/>
            </a:ext>
          </a:extLst>
        </xdr:cNvPr>
        <xdr:cNvPicPr>
          <a:picLocks noChangeAspect="1"/>
        </xdr:cNvPicPr>
      </xdr:nvPicPr>
      <xdr:blipFill>
        <a:blip xmlns:r="http://schemas.openxmlformats.org/officeDocument/2006/relationships" r:embed="rId15"/>
        <a:stretch>
          <a:fillRect/>
        </a:stretch>
      </xdr:blipFill>
      <xdr:spPr>
        <a:xfrm>
          <a:off x="9162285" y="43283587"/>
          <a:ext cx="2648384" cy="2999773"/>
        </a:xfrm>
        <a:prstGeom prst="rect">
          <a:avLst/>
        </a:prstGeom>
      </xdr:spPr>
    </xdr:pic>
    <xdr:clientData/>
  </xdr:oneCellAnchor>
  <xdr:oneCellAnchor>
    <xdr:from>
      <xdr:col>0</xdr:col>
      <xdr:colOff>0</xdr:colOff>
      <xdr:row>68</xdr:row>
      <xdr:rowOff>103039</xdr:rowOff>
    </xdr:from>
    <xdr:ext cx="5067038" cy="1625741"/>
    <xdr:pic>
      <xdr:nvPicPr>
        <xdr:cNvPr id="17" name="Picture 16">
          <a:extLst>
            <a:ext uri="{FF2B5EF4-FFF2-40B4-BE49-F238E27FC236}">
              <a16:creationId xmlns:a16="http://schemas.microsoft.com/office/drawing/2014/main" id="{446D84AC-1009-4C74-B1A6-A19E8ACCEC26}"/>
            </a:ext>
          </a:extLst>
        </xdr:cNvPr>
        <xdr:cNvPicPr>
          <a:picLocks noChangeAspect="1"/>
        </xdr:cNvPicPr>
      </xdr:nvPicPr>
      <xdr:blipFill>
        <a:blip xmlns:r="http://schemas.openxmlformats.org/officeDocument/2006/relationships" r:embed="rId16"/>
        <a:stretch>
          <a:fillRect/>
        </a:stretch>
      </xdr:blipFill>
      <xdr:spPr>
        <a:xfrm>
          <a:off x="0" y="13057039"/>
          <a:ext cx="5067038" cy="1625741"/>
        </a:xfrm>
        <a:prstGeom prst="rect">
          <a:avLst/>
        </a:prstGeom>
      </xdr:spPr>
    </xdr:pic>
    <xdr:clientData/>
  </xdr:oneCellAnchor>
  <xdr:oneCellAnchor>
    <xdr:from>
      <xdr:col>4</xdr:col>
      <xdr:colOff>398814</xdr:colOff>
      <xdr:row>202</xdr:row>
      <xdr:rowOff>33618</xdr:rowOff>
    </xdr:from>
    <xdr:ext cx="2755087" cy="3361764"/>
    <xdr:pic>
      <xdr:nvPicPr>
        <xdr:cNvPr id="18" name="Picture 17">
          <a:extLst>
            <a:ext uri="{FF2B5EF4-FFF2-40B4-BE49-F238E27FC236}">
              <a16:creationId xmlns:a16="http://schemas.microsoft.com/office/drawing/2014/main" id="{E0F1C5F2-D807-4401-ADC5-26008C4FEA73}"/>
            </a:ext>
          </a:extLst>
        </xdr:cNvPr>
        <xdr:cNvPicPr>
          <a:picLocks noChangeAspect="1"/>
        </xdr:cNvPicPr>
      </xdr:nvPicPr>
      <xdr:blipFill>
        <a:blip xmlns:r="http://schemas.openxmlformats.org/officeDocument/2006/relationships" r:embed="rId17"/>
        <a:stretch>
          <a:fillRect/>
        </a:stretch>
      </xdr:blipFill>
      <xdr:spPr>
        <a:xfrm>
          <a:off x="3027714" y="38514618"/>
          <a:ext cx="2755087" cy="3361764"/>
        </a:xfrm>
        <a:prstGeom prst="rect">
          <a:avLst/>
        </a:prstGeom>
      </xdr:spPr>
    </xdr:pic>
    <xdr:clientData/>
  </xdr:oneCellAnchor>
  <xdr:oneCellAnchor>
    <xdr:from>
      <xdr:col>0</xdr:col>
      <xdr:colOff>11206</xdr:colOff>
      <xdr:row>202</xdr:row>
      <xdr:rowOff>0</xdr:rowOff>
    </xdr:from>
    <xdr:ext cx="2878597" cy="2196353"/>
    <xdr:pic>
      <xdr:nvPicPr>
        <xdr:cNvPr id="19" name="Picture 18">
          <a:extLst>
            <a:ext uri="{FF2B5EF4-FFF2-40B4-BE49-F238E27FC236}">
              <a16:creationId xmlns:a16="http://schemas.microsoft.com/office/drawing/2014/main" id="{6F279D61-EDB6-46B1-9601-AD76871247AB}"/>
            </a:ext>
          </a:extLst>
        </xdr:cNvPr>
        <xdr:cNvPicPr>
          <a:picLocks noChangeAspect="1"/>
        </xdr:cNvPicPr>
      </xdr:nvPicPr>
      <xdr:blipFill>
        <a:blip xmlns:r="http://schemas.openxmlformats.org/officeDocument/2006/relationships" r:embed="rId18"/>
        <a:stretch>
          <a:fillRect/>
        </a:stretch>
      </xdr:blipFill>
      <xdr:spPr>
        <a:xfrm>
          <a:off x="11206" y="38481000"/>
          <a:ext cx="2878597" cy="2196353"/>
        </a:xfrm>
        <a:prstGeom prst="rect">
          <a:avLst/>
        </a:prstGeom>
      </xdr:spPr>
    </xdr:pic>
    <xdr:clientData/>
  </xdr:oneCellAnchor>
  <xdr:oneCellAnchor>
    <xdr:from>
      <xdr:col>0</xdr:col>
      <xdr:colOff>0</xdr:colOff>
      <xdr:row>213</xdr:row>
      <xdr:rowOff>112058</xdr:rowOff>
    </xdr:from>
    <xdr:ext cx="2842113" cy="2297767"/>
    <xdr:pic>
      <xdr:nvPicPr>
        <xdr:cNvPr id="20" name="Picture 19">
          <a:extLst>
            <a:ext uri="{FF2B5EF4-FFF2-40B4-BE49-F238E27FC236}">
              <a16:creationId xmlns:a16="http://schemas.microsoft.com/office/drawing/2014/main" id="{EF4D2B5E-53B6-4CAA-B025-69565B609FE6}"/>
            </a:ext>
          </a:extLst>
        </xdr:cNvPr>
        <xdr:cNvPicPr>
          <a:picLocks noChangeAspect="1"/>
        </xdr:cNvPicPr>
      </xdr:nvPicPr>
      <xdr:blipFill>
        <a:blip xmlns:r="http://schemas.openxmlformats.org/officeDocument/2006/relationships" r:embed="rId19">
          <a:extLst>
            <a:ext uri="{28A0092B-C50C-407E-A947-70E740481C1C}">
              <a14:useLocalDpi xmlns:a14="http://schemas.microsoft.com/office/drawing/2010/main" val="0"/>
            </a:ext>
          </a:extLst>
        </a:blip>
        <a:srcRect/>
        <a:stretch/>
      </xdr:blipFill>
      <xdr:spPr>
        <a:xfrm>
          <a:off x="0" y="40688558"/>
          <a:ext cx="2842113" cy="2297767"/>
        </a:xfrm>
        <a:prstGeom prst="rect">
          <a:avLst/>
        </a:prstGeom>
      </xdr:spPr>
    </xdr:pic>
    <xdr:clientData/>
  </xdr:oneCellAnchor>
  <xdr:oneCellAnchor>
    <xdr:from>
      <xdr:col>0</xdr:col>
      <xdr:colOff>11206</xdr:colOff>
      <xdr:row>225</xdr:row>
      <xdr:rowOff>127838</xdr:rowOff>
    </xdr:from>
    <xdr:ext cx="2948746" cy="2108898"/>
    <xdr:pic>
      <xdr:nvPicPr>
        <xdr:cNvPr id="21" name="Picture 20">
          <a:extLst>
            <a:ext uri="{FF2B5EF4-FFF2-40B4-BE49-F238E27FC236}">
              <a16:creationId xmlns:a16="http://schemas.microsoft.com/office/drawing/2014/main" id="{97627020-C4F9-4B84-938C-CABF6DEC3E41}"/>
            </a:ext>
          </a:extLst>
        </xdr:cNvPr>
        <xdr:cNvPicPr>
          <a:picLocks noChangeAspect="1"/>
        </xdr:cNvPicPr>
      </xdr:nvPicPr>
      <xdr:blipFill>
        <a:blip xmlns:r="http://schemas.openxmlformats.org/officeDocument/2006/relationships" r:embed="rId20">
          <a:extLst>
            <a:ext uri="{28A0092B-C50C-407E-A947-70E740481C1C}">
              <a14:useLocalDpi xmlns:a14="http://schemas.microsoft.com/office/drawing/2010/main" val="0"/>
            </a:ext>
          </a:extLst>
        </a:blip>
        <a:srcRect/>
        <a:stretch/>
      </xdr:blipFill>
      <xdr:spPr>
        <a:xfrm>
          <a:off x="11206" y="42990338"/>
          <a:ext cx="2948746" cy="2108898"/>
        </a:xfrm>
        <a:prstGeom prst="rect">
          <a:avLst/>
        </a:prstGeom>
      </xdr:spPr>
    </xdr:pic>
    <xdr:clientData/>
  </xdr:oneCellAnchor>
  <xdr:oneCellAnchor>
    <xdr:from>
      <xdr:col>4</xdr:col>
      <xdr:colOff>466589</xdr:colOff>
      <xdr:row>221</xdr:row>
      <xdr:rowOff>100038</xdr:rowOff>
    </xdr:from>
    <xdr:ext cx="2541125" cy="2910198"/>
    <xdr:pic>
      <xdr:nvPicPr>
        <xdr:cNvPr id="22" name="Picture 21">
          <a:extLst>
            <a:ext uri="{FF2B5EF4-FFF2-40B4-BE49-F238E27FC236}">
              <a16:creationId xmlns:a16="http://schemas.microsoft.com/office/drawing/2014/main" id="{0D3EB1B3-829E-4F5E-BEA6-77E92990D490}"/>
            </a:ext>
          </a:extLst>
        </xdr:cNvPr>
        <xdr:cNvPicPr>
          <a:picLocks noChangeAspect="1"/>
        </xdr:cNvPicPr>
      </xdr:nvPicPr>
      <xdr:blipFill>
        <a:blip xmlns:r="http://schemas.openxmlformats.org/officeDocument/2006/relationships" r:embed="rId21">
          <a:extLst>
            <a:ext uri="{28A0092B-C50C-407E-A947-70E740481C1C}">
              <a14:useLocalDpi xmlns:a14="http://schemas.microsoft.com/office/drawing/2010/main" val="0"/>
            </a:ext>
          </a:extLst>
        </a:blip>
        <a:srcRect/>
        <a:stretch/>
      </xdr:blipFill>
      <xdr:spPr>
        <a:xfrm>
          <a:off x="3095489" y="42200538"/>
          <a:ext cx="2541125" cy="2910198"/>
        </a:xfrm>
        <a:prstGeom prst="rect">
          <a:avLst/>
        </a:prstGeom>
      </xdr:spPr>
    </xdr:pic>
    <xdr:clientData/>
  </xdr:oneCellAnchor>
  <xdr:oneCellAnchor>
    <xdr:from>
      <xdr:col>13</xdr:col>
      <xdr:colOff>235509</xdr:colOff>
      <xdr:row>152</xdr:row>
      <xdr:rowOff>0</xdr:rowOff>
    </xdr:from>
    <xdr:ext cx="2975388" cy="4541517"/>
    <xdr:pic>
      <xdr:nvPicPr>
        <xdr:cNvPr id="23" name="Picture 22">
          <a:extLst>
            <a:ext uri="{FF2B5EF4-FFF2-40B4-BE49-F238E27FC236}">
              <a16:creationId xmlns:a16="http://schemas.microsoft.com/office/drawing/2014/main" id="{F9F31C56-8F21-4EA2-801F-5202D5B471DC}"/>
            </a:ext>
          </a:extLst>
        </xdr:cNvPr>
        <xdr:cNvPicPr>
          <a:picLocks noChangeAspect="1"/>
        </xdr:cNvPicPr>
      </xdr:nvPicPr>
      <xdr:blipFill>
        <a:blip xmlns:r="http://schemas.openxmlformats.org/officeDocument/2006/relationships" r:embed="rId22"/>
        <a:stretch>
          <a:fillRect/>
        </a:stretch>
      </xdr:blipFill>
      <xdr:spPr>
        <a:xfrm>
          <a:off x="8779434" y="28956000"/>
          <a:ext cx="2975388" cy="4541517"/>
        </a:xfrm>
        <a:prstGeom prst="rect">
          <a:avLst/>
        </a:prstGeom>
      </xdr:spPr>
    </xdr:pic>
    <xdr:clientData/>
  </xdr:oneCellAnchor>
  <xdr:oneCellAnchor>
    <xdr:from>
      <xdr:col>9</xdr:col>
      <xdr:colOff>90666</xdr:colOff>
      <xdr:row>152</xdr:row>
      <xdr:rowOff>1</xdr:rowOff>
    </xdr:from>
    <xdr:ext cx="2679807" cy="1948864"/>
    <xdr:pic>
      <xdr:nvPicPr>
        <xdr:cNvPr id="24" name="Picture 23">
          <a:extLst>
            <a:ext uri="{FF2B5EF4-FFF2-40B4-BE49-F238E27FC236}">
              <a16:creationId xmlns:a16="http://schemas.microsoft.com/office/drawing/2014/main" id="{74EAD30D-8C3F-40B4-A704-6D8DA0DA2663}"/>
            </a:ext>
          </a:extLst>
        </xdr:cNvPr>
        <xdr:cNvPicPr>
          <a:picLocks noChangeAspect="1"/>
        </xdr:cNvPicPr>
      </xdr:nvPicPr>
      <xdr:blipFill>
        <a:blip xmlns:r="http://schemas.openxmlformats.org/officeDocument/2006/relationships" r:embed="rId23"/>
        <a:stretch>
          <a:fillRect/>
        </a:stretch>
      </xdr:blipFill>
      <xdr:spPr>
        <a:xfrm>
          <a:off x="6005691" y="28956001"/>
          <a:ext cx="2679807" cy="1948864"/>
        </a:xfrm>
        <a:prstGeom prst="rect">
          <a:avLst/>
        </a:prstGeom>
      </xdr:spPr>
    </xdr:pic>
    <xdr:clientData/>
  </xdr:oneCellAnchor>
  <xdr:oneCellAnchor>
    <xdr:from>
      <xdr:col>9</xdr:col>
      <xdr:colOff>45842</xdr:colOff>
      <xdr:row>162</xdr:row>
      <xdr:rowOff>67235</xdr:rowOff>
    </xdr:from>
    <xdr:ext cx="2735836" cy="1994229"/>
    <xdr:pic>
      <xdr:nvPicPr>
        <xdr:cNvPr id="25" name="Picture 24">
          <a:extLst>
            <a:ext uri="{FF2B5EF4-FFF2-40B4-BE49-F238E27FC236}">
              <a16:creationId xmlns:a16="http://schemas.microsoft.com/office/drawing/2014/main" id="{B2A7E0A6-B1A5-453F-9C19-016A8407402C}"/>
            </a:ext>
          </a:extLst>
        </xdr:cNvPr>
        <xdr:cNvPicPr>
          <a:picLocks noChangeAspect="1"/>
        </xdr:cNvPicPr>
      </xdr:nvPicPr>
      <xdr:blipFill>
        <a:blip xmlns:r="http://schemas.openxmlformats.org/officeDocument/2006/relationships" r:embed="rId24"/>
        <a:stretch>
          <a:fillRect/>
        </a:stretch>
      </xdr:blipFill>
      <xdr:spPr>
        <a:xfrm>
          <a:off x="5960867" y="30928235"/>
          <a:ext cx="2735836" cy="1994229"/>
        </a:xfrm>
        <a:prstGeom prst="rect">
          <a:avLst/>
        </a:prstGeom>
      </xdr:spPr>
    </xdr:pic>
    <xdr:clientData/>
  </xdr:oneCellAnchor>
  <xdr:oneCellAnchor>
    <xdr:from>
      <xdr:col>9</xdr:col>
      <xdr:colOff>34636</xdr:colOff>
      <xdr:row>173</xdr:row>
      <xdr:rowOff>0</xdr:rowOff>
    </xdr:from>
    <xdr:ext cx="2769454" cy="1996155"/>
    <xdr:pic>
      <xdr:nvPicPr>
        <xdr:cNvPr id="26" name="Picture 25">
          <a:extLst>
            <a:ext uri="{FF2B5EF4-FFF2-40B4-BE49-F238E27FC236}">
              <a16:creationId xmlns:a16="http://schemas.microsoft.com/office/drawing/2014/main" id="{A6EA3EF3-0D7F-446D-826D-B73F157A1E94}"/>
            </a:ext>
          </a:extLst>
        </xdr:cNvPr>
        <xdr:cNvPicPr>
          <a:picLocks noChangeAspect="1"/>
        </xdr:cNvPicPr>
      </xdr:nvPicPr>
      <xdr:blipFill>
        <a:blip xmlns:r="http://schemas.openxmlformats.org/officeDocument/2006/relationships" r:embed="rId25"/>
        <a:stretch>
          <a:fillRect/>
        </a:stretch>
      </xdr:blipFill>
      <xdr:spPr>
        <a:xfrm>
          <a:off x="5949661" y="32956500"/>
          <a:ext cx="2769454" cy="1996155"/>
        </a:xfrm>
        <a:prstGeom prst="rect">
          <a:avLst/>
        </a:prstGeom>
      </xdr:spPr>
    </xdr:pic>
    <xdr:clientData/>
  </xdr:oneCellAnchor>
  <xdr:oneCellAnchor>
    <xdr:from>
      <xdr:col>13</xdr:col>
      <xdr:colOff>246395</xdr:colOff>
      <xdr:row>176</xdr:row>
      <xdr:rowOff>179294</xdr:rowOff>
    </xdr:from>
    <xdr:ext cx="2919470" cy="3440207"/>
    <xdr:pic>
      <xdr:nvPicPr>
        <xdr:cNvPr id="27" name="Picture 26">
          <a:extLst>
            <a:ext uri="{FF2B5EF4-FFF2-40B4-BE49-F238E27FC236}">
              <a16:creationId xmlns:a16="http://schemas.microsoft.com/office/drawing/2014/main" id="{9B9AC850-E916-49D0-91C6-59086DF92854}"/>
            </a:ext>
          </a:extLst>
        </xdr:cNvPr>
        <xdr:cNvPicPr>
          <a:picLocks noChangeAspect="1"/>
        </xdr:cNvPicPr>
      </xdr:nvPicPr>
      <xdr:blipFill>
        <a:blip xmlns:r="http://schemas.openxmlformats.org/officeDocument/2006/relationships" r:embed="rId26"/>
        <a:stretch>
          <a:fillRect/>
        </a:stretch>
      </xdr:blipFill>
      <xdr:spPr>
        <a:xfrm>
          <a:off x="8790320" y="33707294"/>
          <a:ext cx="2919470" cy="3440207"/>
        </a:xfrm>
        <a:prstGeom prst="rect">
          <a:avLst/>
        </a:prstGeom>
      </xdr:spPr>
    </xdr:pic>
    <xdr:clientData/>
  </xdr:oneCellAnchor>
  <xdr:oneCellAnchor>
    <xdr:from>
      <xdr:col>5</xdr:col>
      <xdr:colOff>11205</xdr:colOff>
      <xdr:row>152</xdr:row>
      <xdr:rowOff>172230</xdr:rowOff>
    </xdr:from>
    <xdr:ext cx="2475538" cy="2837258"/>
    <xdr:pic>
      <xdr:nvPicPr>
        <xdr:cNvPr id="28" name="Picture 27">
          <a:extLst>
            <a:ext uri="{FF2B5EF4-FFF2-40B4-BE49-F238E27FC236}">
              <a16:creationId xmlns:a16="http://schemas.microsoft.com/office/drawing/2014/main" id="{410C872A-3F7B-4D61-8869-FC8DA2DEADDA}"/>
            </a:ext>
          </a:extLst>
        </xdr:cNvPr>
        <xdr:cNvPicPr>
          <a:picLocks noChangeAspect="1"/>
        </xdr:cNvPicPr>
      </xdr:nvPicPr>
      <xdr:blipFill>
        <a:blip xmlns:r="http://schemas.openxmlformats.org/officeDocument/2006/relationships" r:embed="rId27">
          <a:extLst>
            <a:ext uri="{28A0092B-C50C-407E-A947-70E740481C1C}">
              <a14:useLocalDpi xmlns:a14="http://schemas.microsoft.com/office/drawing/2010/main" val="0"/>
            </a:ext>
          </a:extLst>
        </a:blip>
        <a:srcRect/>
        <a:stretch/>
      </xdr:blipFill>
      <xdr:spPr>
        <a:xfrm>
          <a:off x="3297330" y="29128230"/>
          <a:ext cx="2475538" cy="2837258"/>
        </a:xfrm>
        <a:prstGeom prst="rect">
          <a:avLst/>
        </a:prstGeom>
      </xdr:spPr>
    </xdr:pic>
    <xdr:clientData/>
  </xdr:oneCellAnchor>
  <xdr:oneCellAnchor>
    <xdr:from>
      <xdr:col>0</xdr:col>
      <xdr:colOff>0</xdr:colOff>
      <xdr:row>152</xdr:row>
      <xdr:rowOff>5720</xdr:rowOff>
    </xdr:from>
    <xdr:ext cx="3130724" cy="2353003"/>
    <xdr:pic>
      <xdr:nvPicPr>
        <xdr:cNvPr id="29" name="Picture 28">
          <a:extLst>
            <a:ext uri="{FF2B5EF4-FFF2-40B4-BE49-F238E27FC236}">
              <a16:creationId xmlns:a16="http://schemas.microsoft.com/office/drawing/2014/main" id="{68050FDF-8D66-46B1-A0B5-EB949E9A3BC2}"/>
            </a:ext>
          </a:extLst>
        </xdr:cNvPr>
        <xdr:cNvPicPr>
          <a:picLocks noChangeAspect="1"/>
        </xdr:cNvPicPr>
      </xdr:nvPicPr>
      <xdr:blipFill>
        <a:blip xmlns:r="http://schemas.openxmlformats.org/officeDocument/2006/relationships" r:embed="rId28"/>
        <a:stretch>
          <a:fillRect/>
        </a:stretch>
      </xdr:blipFill>
      <xdr:spPr>
        <a:xfrm>
          <a:off x="0" y="28961720"/>
          <a:ext cx="3130724" cy="2353003"/>
        </a:xfrm>
        <a:prstGeom prst="rect">
          <a:avLst/>
        </a:prstGeom>
      </xdr:spPr>
    </xdr:pic>
    <xdr:clientData/>
  </xdr:oneCellAnchor>
  <xdr:oneCellAnchor>
    <xdr:from>
      <xdr:col>0</xdr:col>
      <xdr:colOff>33618</xdr:colOff>
      <xdr:row>165</xdr:row>
      <xdr:rowOff>105672</xdr:rowOff>
    </xdr:from>
    <xdr:ext cx="3092619" cy="2155907"/>
    <xdr:pic>
      <xdr:nvPicPr>
        <xdr:cNvPr id="30" name="Picture 29">
          <a:extLst>
            <a:ext uri="{FF2B5EF4-FFF2-40B4-BE49-F238E27FC236}">
              <a16:creationId xmlns:a16="http://schemas.microsoft.com/office/drawing/2014/main" id="{960011B8-D34B-4F6B-9B71-D3A8C7528700}"/>
            </a:ext>
          </a:extLst>
        </xdr:cNvPr>
        <xdr:cNvPicPr>
          <a:picLocks noChangeAspect="1"/>
        </xdr:cNvPicPr>
      </xdr:nvPicPr>
      <xdr:blipFill>
        <a:blip xmlns:r="http://schemas.openxmlformats.org/officeDocument/2006/relationships" r:embed="rId29">
          <a:extLst>
            <a:ext uri="{28A0092B-C50C-407E-A947-70E740481C1C}">
              <a14:useLocalDpi xmlns:a14="http://schemas.microsoft.com/office/drawing/2010/main" val="0"/>
            </a:ext>
          </a:extLst>
        </a:blip>
        <a:srcRect/>
        <a:stretch/>
      </xdr:blipFill>
      <xdr:spPr>
        <a:xfrm>
          <a:off x="33618" y="31538172"/>
          <a:ext cx="3092619" cy="2155907"/>
        </a:xfrm>
        <a:prstGeom prst="rect">
          <a:avLst/>
        </a:prstGeom>
      </xdr:spPr>
    </xdr:pic>
    <xdr:clientData/>
  </xdr:oneCellAnchor>
  <xdr:oneCellAnchor>
    <xdr:from>
      <xdr:col>0</xdr:col>
      <xdr:colOff>67235</xdr:colOff>
      <xdr:row>178</xdr:row>
      <xdr:rowOff>61749</xdr:rowOff>
    </xdr:from>
    <xdr:ext cx="3092619" cy="2162477"/>
    <xdr:pic>
      <xdr:nvPicPr>
        <xdr:cNvPr id="31" name="Picture 30">
          <a:extLst>
            <a:ext uri="{FF2B5EF4-FFF2-40B4-BE49-F238E27FC236}">
              <a16:creationId xmlns:a16="http://schemas.microsoft.com/office/drawing/2014/main" id="{A310CEDD-B199-4F7A-BC76-E9B2DE8FCCF5}"/>
            </a:ext>
          </a:extLst>
        </xdr:cNvPr>
        <xdr:cNvPicPr>
          <a:picLocks noChangeAspect="1"/>
        </xdr:cNvPicPr>
      </xdr:nvPicPr>
      <xdr:blipFill>
        <a:blip xmlns:r="http://schemas.openxmlformats.org/officeDocument/2006/relationships" r:embed="rId30"/>
        <a:stretch>
          <a:fillRect/>
        </a:stretch>
      </xdr:blipFill>
      <xdr:spPr>
        <a:xfrm>
          <a:off x="67235" y="33970749"/>
          <a:ext cx="3092619" cy="2162477"/>
        </a:xfrm>
        <a:prstGeom prst="rect">
          <a:avLst/>
        </a:prstGeom>
      </xdr:spPr>
    </xdr:pic>
    <xdr:clientData/>
  </xdr:oneCellAnchor>
  <xdr:oneCellAnchor>
    <xdr:from>
      <xdr:col>5</xdr:col>
      <xdr:colOff>96184</xdr:colOff>
      <xdr:row>170</xdr:row>
      <xdr:rowOff>173809</xdr:rowOff>
    </xdr:from>
    <xdr:ext cx="2303807" cy="2723028"/>
    <xdr:pic>
      <xdr:nvPicPr>
        <xdr:cNvPr id="32" name="Picture 31">
          <a:extLst>
            <a:ext uri="{FF2B5EF4-FFF2-40B4-BE49-F238E27FC236}">
              <a16:creationId xmlns:a16="http://schemas.microsoft.com/office/drawing/2014/main" id="{ABB2B75C-B5B2-4EA0-BC9B-BC8B20474C0C}"/>
            </a:ext>
          </a:extLst>
        </xdr:cNvPr>
        <xdr:cNvPicPr>
          <a:picLocks noChangeAspect="1"/>
        </xdr:cNvPicPr>
      </xdr:nvPicPr>
      <xdr:blipFill>
        <a:blip xmlns:r="http://schemas.openxmlformats.org/officeDocument/2006/relationships" r:embed="rId31">
          <a:extLst>
            <a:ext uri="{28A0092B-C50C-407E-A947-70E740481C1C}">
              <a14:useLocalDpi xmlns:a14="http://schemas.microsoft.com/office/drawing/2010/main" val="0"/>
            </a:ext>
          </a:extLst>
        </a:blip>
        <a:srcRect/>
        <a:stretch/>
      </xdr:blipFill>
      <xdr:spPr>
        <a:xfrm>
          <a:off x="3382309" y="32558809"/>
          <a:ext cx="2303807" cy="2723028"/>
        </a:xfrm>
        <a:prstGeom prst="rect">
          <a:avLst/>
        </a:prstGeom>
      </xdr:spPr>
    </xdr:pic>
    <xdr:clientData/>
  </xdr:oneCellAnchor>
  <xdr:oneCellAnchor>
    <xdr:from>
      <xdr:col>13</xdr:col>
      <xdr:colOff>494983</xdr:colOff>
      <xdr:row>102</xdr:row>
      <xdr:rowOff>17300</xdr:rowOff>
    </xdr:from>
    <xdr:ext cx="2719767" cy="3400493"/>
    <xdr:pic>
      <xdr:nvPicPr>
        <xdr:cNvPr id="33" name="Picture 32">
          <a:extLst>
            <a:ext uri="{FF2B5EF4-FFF2-40B4-BE49-F238E27FC236}">
              <a16:creationId xmlns:a16="http://schemas.microsoft.com/office/drawing/2014/main" id="{437BFE97-9C65-46F9-82EC-52970A4D6388}"/>
            </a:ext>
          </a:extLst>
        </xdr:cNvPr>
        <xdr:cNvPicPr>
          <a:picLocks noChangeAspect="1"/>
        </xdr:cNvPicPr>
      </xdr:nvPicPr>
      <xdr:blipFill>
        <a:blip xmlns:r="http://schemas.openxmlformats.org/officeDocument/2006/relationships" r:embed="rId32"/>
        <a:stretch>
          <a:fillRect/>
        </a:stretch>
      </xdr:blipFill>
      <xdr:spPr>
        <a:xfrm>
          <a:off x="9038908" y="19448300"/>
          <a:ext cx="2719767" cy="3400493"/>
        </a:xfrm>
        <a:prstGeom prst="rect">
          <a:avLst/>
        </a:prstGeom>
      </xdr:spPr>
    </xdr:pic>
    <xdr:clientData/>
  </xdr:oneCellAnchor>
  <xdr:oneCellAnchor>
    <xdr:from>
      <xdr:col>9</xdr:col>
      <xdr:colOff>67236</xdr:colOff>
      <xdr:row>102</xdr:row>
      <xdr:rowOff>0</xdr:rowOff>
    </xdr:from>
    <xdr:ext cx="2948748" cy="2196832"/>
    <xdr:pic>
      <xdr:nvPicPr>
        <xdr:cNvPr id="34" name="Picture 33">
          <a:extLst>
            <a:ext uri="{FF2B5EF4-FFF2-40B4-BE49-F238E27FC236}">
              <a16:creationId xmlns:a16="http://schemas.microsoft.com/office/drawing/2014/main" id="{09F840D8-94BB-434E-AF8A-A41DB5F50C28}"/>
            </a:ext>
          </a:extLst>
        </xdr:cNvPr>
        <xdr:cNvPicPr>
          <a:picLocks noChangeAspect="1"/>
        </xdr:cNvPicPr>
      </xdr:nvPicPr>
      <xdr:blipFill>
        <a:blip xmlns:r="http://schemas.openxmlformats.org/officeDocument/2006/relationships" r:embed="rId33"/>
        <a:stretch>
          <a:fillRect/>
        </a:stretch>
      </xdr:blipFill>
      <xdr:spPr>
        <a:xfrm>
          <a:off x="5982261" y="19431000"/>
          <a:ext cx="2948748" cy="2196832"/>
        </a:xfrm>
        <a:prstGeom prst="rect">
          <a:avLst/>
        </a:prstGeom>
      </xdr:spPr>
    </xdr:pic>
    <xdr:clientData/>
  </xdr:oneCellAnchor>
  <xdr:oneCellAnchor>
    <xdr:from>
      <xdr:col>9</xdr:col>
      <xdr:colOff>78441</xdr:colOff>
      <xdr:row>114</xdr:row>
      <xdr:rowOff>56028</xdr:rowOff>
    </xdr:from>
    <xdr:ext cx="2959954" cy="2123930"/>
    <xdr:pic>
      <xdr:nvPicPr>
        <xdr:cNvPr id="35" name="Picture 34">
          <a:extLst>
            <a:ext uri="{FF2B5EF4-FFF2-40B4-BE49-F238E27FC236}">
              <a16:creationId xmlns:a16="http://schemas.microsoft.com/office/drawing/2014/main" id="{507D80A9-670A-467A-987C-CBFC1E0877C3}"/>
            </a:ext>
          </a:extLst>
        </xdr:cNvPr>
        <xdr:cNvPicPr>
          <a:picLocks noChangeAspect="1"/>
        </xdr:cNvPicPr>
      </xdr:nvPicPr>
      <xdr:blipFill>
        <a:blip xmlns:r="http://schemas.openxmlformats.org/officeDocument/2006/relationships" r:embed="rId34"/>
        <a:stretch>
          <a:fillRect/>
        </a:stretch>
      </xdr:blipFill>
      <xdr:spPr>
        <a:xfrm>
          <a:off x="5993466" y="21773028"/>
          <a:ext cx="2959954" cy="2123930"/>
        </a:xfrm>
        <a:prstGeom prst="rect">
          <a:avLst/>
        </a:prstGeom>
      </xdr:spPr>
    </xdr:pic>
    <xdr:clientData/>
  </xdr:oneCellAnchor>
  <xdr:oneCellAnchor>
    <xdr:from>
      <xdr:col>13</xdr:col>
      <xdr:colOff>486185</xdr:colOff>
      <xdr:row>121</xdr:row>
      <xdr:rowOff>67235</xdr:rowOff>
    </xdr:from>
    <xdr:ext cx="2457635" cy="2812676"/>
    <xdr:pic>
      <xdr:nvPicPr>
        <xdr:cNvPr id="36" name="Picture 35">
          <a:extLst>
            <a:ext uri="{FF2B5EF4-FFF2-40B4-BE49-F238E27FC236}">
              <a16:creationId xmlns:a16="http://schemas.microsoft.com/office/drawing/2014/main" id="{7B4C71AD-AB4E-4BBA-964D-7A7772085263}"/>
            </a:ext>
          </a:extLst>
        </xdr:cNvPr>
        <xdr:cNvPicPr>
          <a:picLocks noChangeAspect="1"/>
        </xdr:cNvPicPr>
      </xdr:nvPicPr>
      <xdr:blipFill>
        <a:blip xmlns:r="http://schemas.openxmlformats.org/officeDocument/2006/relationships" r:embed="rId35"/>
        <a:stretch>
          <a:fillRect/>
        </a:stretch>
      </xdr:blipFill>
      <xdr:spPr>
        <a:xfrm>
          <a:off x="9030110" y="23117735"/>
          <a:ext cx="2457635" cy="2812676"/>
        </a:xfrm>
        <a:prstGeom prst="rect">
          <a:avLst/>
        </a:prstGeom>
      </xdr:spPr>
    </xdr:pic>
    <xdr:clientData/>
  </xdr:oneCellAnchor>
  <xdr:oneCellAnchor>
    <xdr:from>
      <xdr:col>9</xdr:col>
      <xdr:colOff>0</xdr:colOff>
      <xdr:row>125</xdr:row>
      <xdr:rowOff>156881</xdr:rowOff>
    </xdr:from>
    <xdr:ext cx="3111672" cy="2267266"/>
    <xdr:pic>
      <xdr:nvPicPr>
        <xdr:cNvPr id="37" name="Picture 36">
          <a:extLst>
            <a:ext uri="{FF2B5EF4-FFF2-40B4-BE49-F238E27FC236}">
              <a16:creationId xmlns:a16="http://schemas.microsoft.com/office/drawing/2014/main" id="{40BDA6EC-3821-4AD6-AC73-592F35687C84}"/>
            </a:ext>
          </a:extLst>
        </xdr:cNvPr>
        <xdr:cNvPicPr>
          <a:picLocks noChangeAspect="1"/>
        </xdr:cNvPicPr>
      </xdr:nvPicPr>
      <xdr:blipFill>
        <a:blip xmlns:r="http://schemas.openxmlformats.org/officeDocument/2006/relationships" r:embed="rId36"/>
        <a:stretch>
          <a:fillRect/>
        </a:stretch>
      </xdr:blipFill>
      <xdr:spPr>
        <a:xfrm>
          <a:off x="5915025" y="23969381"/>
          <a:ext cx="3111672" cy="2267266"/>
        </a:xfrm>
        <a:prstGeom prst="rect">
          <a:avLst/>
        </a:prstGeom>
      </xdr:spPr>
    </xdr:pic>
    <xdr:clientData/>
  </xdr:oneCellAnchor>
  <xdr:oneCellAnchor>
    <xdr:from>
      <xdr:col>4</xdr:col>
      <xdr:colOff>145678</xdr:colOff>
      <xdr:row>102</xdr:row>
      <xdr:rowOff>8709</xdr:rowOff>
    </xdr:from>
    <xdr:ext cx="3027190" cy="2684177"/>
    <xdr:pic>
      <xdr:nvPicPr>
        <xdr:cNvPr id="38" name="Picture 37">
          <a:extLst>
            <a:ext uri="{FF2B5EF4-FFF2-40B4-BE49-F238E27FC236}">
              <a16:creationId xmlns:a16="http://schemas.microsoft.com/office/drawing/2014/main" id="{15035018-8D2F-407E-8C0B-FB0D94EF5A1B}"/>
            </a:ext>
          </a:extLst>
        </xdr:cNvPr>
        <xdr:cNvPicPr>
          <a:picLocks noChangeAspect="1"/>
        </xdr:cNvPicPr>
      </xdr:nvPicPr>
      <xdr:blipFill rotWithShape="1">
        <a:blip xmlns:r="http://schemas.openxmlformats.org/officeDocument/2006/relationships" r:embed="rId37"/>
        <a:srcRect l="18572" r="6461"/>
        <a:stretch/>
      </xdr:blipFill>
      <xdr:spPr>
        <a:xfrm>
          <a:off x="2774578" y="19439709"/>
          <a:ext cx="3027190" cy="2684177"/>
        </a:xfrm>
        <a:prstGeom prst="rect">
          <a:avLst/>
        </a:prstGeom>
      </xdr:spPr>
    </xdr:pic>
    <xdr:clientData/>
  </xdr:oneCellAnchor>
  <xdr:oneCellAnchor>
    <xdr:from>
      <xdr:col>0</xdr:col>
      <xdr:colOff>11206</xdr:colOff>
      <xdr:row>102</xdr:row>
      <xdr:rowOff>0</xdr:rowOff>
    </xdr:from>
    <xdr:ext cx="2714452" cy="2173942"/>
    <xdr:pic>
      <xdr:nvPicPr>
        <xdr:cNvPr id="39" name="Picture 38">
          <a:extLst>
            <a:ext uri="{FF2B5EF4-FFF2-40B4-BE49-F238E27FC236}">
              <a16:creationId xmlns:a16="http://schemas.microsoft.com/office/drawing/2014/main" id="{18FBAF58-1665-4656-9FE0-150BB368D95E}"/>
            </a:ext>
          </a:extLst>
        </xdr:cNvPr>
        <xdr:cNvPicPr>
          <a:picLocks noChangeAspect="1"/>
        </xdr:cNvPicPr>
      </xdr:nvPicPr>
      <xdr:blipFill>
        <a:blip xmlns:r="http://schemas.openxmlformats.org/officeDocument/2006/relationships" r:embed="rId38"/>
        <a:stretch>
          <a:fillRect/>
        </a:stretch>
      </xdr:blipFill>
      <xdr:spPr>
        <a:xfrm>
          <a:off x="11206" y="19431000"/>
          <a:ext cx="2714452" cy="2173942"/>
        </a:xfrm>
        <a:prstGeom prst="rect">
          <a:avLst/>
        </a:prstGeom>
      </xdr:spPr>
    </xdr:pic>
    <xdr:clientData/>
  </xdr:oneCellAnchor>
  <xdr:oneCellAnchor>
    <xdr:from>
      <xdr:col>0</xdr:col>
      <xdr:colOff>0</xdr:colOff>
      <xdr:row>114</xdr:row>
      <xdr:rowOff>11207</xdr:rowOff>
    </xdr:from>
    <xdr:ext cx="2724630" cy="2088625"/>
    <xdr:pic>
      <xdr:nvPicPr>
        <xdr:cNvPr id="40" name="Picture 39">
          <a:extLst>
            <a:ext uri="{FF2B5EF4-FFF2-40B4-BE49-F238E27FC236}">
              <a16:creationId xmlns:a16="http://schemas.microsoft.com/office/drawing/2014/main" id="{948F4CD4-CBE0-47EA-8BE9-DB903F88DDEC}"/>
            </a:ext>
          </a:extLst>
        </xdr:cNvPr>
        <xdr:cNvPicPr>
          <a:picLocks noChangeAspect="1"/>
        </xdr:cNvPicPr>
      </xdr:nvPicPr>
      <xdr:blipFill>
        <a:blip xmlns:r="http://schemas.openxmlformats.org/officeDocument/2006/relationships" r:embed="rId39"/>
        <a:stretch>
          <a:fillRect/>
        </a:stretch>
      </xdr:blipFill>
      <xdr:spPr>
        <a:xfrm>
          <a:off x="0" y="21728207"/>
          <a:ext cx="2724630" cy="2088625"/>
        </a:xfrm>
        <a:prstGeom prst="rect">
          <a:avLst/>
        </a:prstGeom>
      </xdr:spPr>
    </xdr:pic>
    <xdr:clientData/>
  </xdr:oneCellAnchor>
  <xdr:oneCellAnchor>
    <xdr:from>
      <xdr:col>0</xdr:col>
      <xdr:colOff>0</xdr:colOff>
      <xdr:row>125</xdr:row>
      <xdr:rowOff>33619</xdr:rowOff>
    </xdr:from>
    <xdr:ext cx="2724630" cy="2014797"/>
    <xdr:pic>
      <xdr:nvPicPr>
        <xdr:cNvPr id="41" name="Picture 40">
          <a:extLst>
            <a:ext uri="{FF2B5EF4-FFF2-40B4-BE49-F238E27FC236}">
              <a16:creationId xmlns:a16="http://schemas.microsoft.com/office/drawing/2014/main" id="{2EDCA827-EE06-4F57-A953-736E54A6DE4B}"/>
            </a:ext>
          </a:extLst>
        </xdr:cNvPr>
        <xdr:cNvPicPr>
          <a:picLocks noChangeAspect="1"/>
        </xdr:cNvPicPr>
      </xdr:nvPicPr>
      <xdr:blipFill>
        <a:blip xmlns:r="http://schemas.openxmlformats.org/officeDocument/2006/relationships" r:embed="rId40"/>
        <a:stretch>
          <a:fillRect/>
        </a:stretch>
      </xdr:blipFill>
      <xdr:spPr>
        <a:xfrm>
          <a:off x="0" y="23846119"/>
          <a:ext cx="2724630" cy="2014797"/>
        </a:xfrm>
        <a:prstGeom prst="rect">
          <a:avLst/>
        </a:prstGeom>
      </xdr:spPr>
    </xdr:pic>
    <xdr:clientData/>
  </xdr:oneCellAnchor>
  <xdr:oneCellAnchor>
    <xdr:from>
      <xdr:col>4</xdr:col>
      <xdr:colOff>235323</xdr:colOff>
      <xdr:row>118</xdr:row>
      <xdr:rowOff>134472</xdr:rowOff>
    </xdr:from>
    <xdr:ext cx="2800652" cy="3232261"/>
    <xdr:pic>
      <xdr:nvPicPr>
        <xdr:cNvPr id="42" name="Picture 41">
          <a:extLst>
            <a:ext uri="{FF2B5EF4-FFF2-40B4-BE49-F238E27FC236}">
              <a16:creationId xmlns:a16="http://schemas.microsoft.com/office/drawing/2014/main" id="{350C7997-44C6-414B-8A3F-9CFDE7F38F5C}"/>
            </a:ext>
          </a:extLst>
        </xdr:cNvPr>
        <xdr:cNvPicPr>
          <a:picLocks noChangeAspect="1"/>
        </xdr:cNvPicPr>
      </xdr:nvPicPr>
      <xdr:blipFill>
        <a:blip xmlns:r="http://schemas.openxmlformats.org/officeDocument/2006/relationships" r:embed="rId41"/>
        <a:stretch>
          <a:fillRect/>
        </a:stretch>
      </xdr:blipFill>
      <xdr:spPr>
        <a:xfrm>
          <a:off x="2864223" y="22613472"/>
          <a:ext cx="2800652" cy="3232261"/>
        </a:xfrm>
        <a:prstGeom prst="rect">
          <a:avLst/>
        </a:prstGeom>
      </xdr:spPr>
    </xdr:pic>
    <xdr:clientData/>
  </xdr:oneCellAnchor>
  <xdr:oneCellAnchor>
    <xdr:from>
      <xdr:col>0</xdr:col>
      <xdr:colOff>85725</xdr:colOff>
      <xdr:row>37</xdr:row>
      <xdr:rowOff>47626</xdr:rowOff>
    </xdr:from>
    <xdr:ext cx="5655876" cy="685800"/>
    <xdr:pic>
      <xdr:nvPicPr>
        <xdr:cNvPr id="43" name="Picture 42">
          <a:extLst>
            <a:ext uri="{FF2B5EF4-FFF2-40B4-BE49-F238E27FC236}">
              <a16:creationId xmlns:a16="http://schemas.microsoft.com/office/drawing/2014/main" id="{05898BB4-7324-4C06-885D-E112FF9168C1}"/>
            </a:ext>
          </a:extLst>
        </xdr:cNvPr>
        <xdr:cNvPicPr>
          <a:picLocks noChangeAspect="1"/>
        </xdr:cNvPicPr>
      </xdr:nvPicPr>
      <xdr:blipFill>
        <a:blip xmlns:r="http://schemas.openxmlformats.org/officeDocument/2006/relationships" r:embed="rId42"/>
        <a:stretch>
          <a:fillRect/>
        </a:stretch>
      </xdr:blipFill>
      <xdr:spPr>
        <a:xfrm>
          <a:off x="85725" y="7096126"/>
          <a:ext cx="5655876" cy="685800"/>
        </a:xfrm>
        <a:prstGeom prst="rect">
          <a:avLst/>
        </a:prstGeom>
      </xdr:spPr>
    </xdr:pic>
    <xdr:clientData/>
  </xdr:oneCellAnchor>
  <xdr:oneCellAnchor>
    <xdr:from>
      <xdr:col>9</xdr:col>
      <xdr:colOff>104774</xdr:colOff>
      <xdr:row>37</xdr:row>
      <xdr:rowOff>1535</xdr:rowOff>
    </xdr:from>
    <xdr:ext cx="5407166" cy="655816"/>
    <xdr:pic>
      <xdr:nvPicPr>
        <xdr:cNvPr id="44" name="Picture 43">
          <a:extLst>
            <a:ext uri="{FF2B5EF4-FFF2-40B4-BE49-F238E27FC236}">
              <a16:creationId xmlns:a16="http://schemas.microsoft.com/office/drawing/2014/main" id="{8E3DF8B3-0477-4651-AFA4-22AD25917BE5}"/>
            </a:ext>
          </a:extLst>
        </xdr:cNvPr>
        <xdr:cNvPicPr>
          <a:picLocks noChangeAspect="1"/>
        </xdr:cNvPicPr>
      </xdr:nvPicPr>
      <xdr:blipFill>
        <a:blip xmlns:r="http://schemas.openxmlformats.org/officeDocument/2006/relationships" r:embed="rId42"/>
        <a:stretch>
          <a:fillRect/>
        </a:stretch>
      </xdr:blipFill>
      <xdr:spPr>
        <a:xfrm>
          <a:off x="6019799" y="7050035"/>
          <a:ext cx="5407166" cy="655816"/>
        </a:xfrm>
        <a:prstGeom prst="rect">
          <a:avLst/>
        </a:prstGeom>
      </xdr:spPr>
    </xdr:pic>
    <xdr:clientData/>
  </xdr:oneCellAnchor>
  <xdr:oneCellAnchor>
    <xdr:from>
      <xdr:col>0</xdr:col>
      <xdr:colOff>0</xdr:colOff>
      <xdr:row>85</xdr:row>
      <xdr:rowOff>171450</xdr:rowOff>
    </xdr:from>
    <xdr:ext cx="5225143" cy="471169"/>
    <xdr:pic>
      <xdr:nvPicPr>
        <xdr:cNvPr id="45" name="Picture 44">
          <a:extLst>
            <a:ext uri="{FF2B5EF4-FFF2-40B4-BE49-F238E27FC236}">
              <a16:creationId xmlns:a16="http://schemas.microsoft.com/office/drawing/2014/main" id="{A9DC8B6C-AF04-4220-82F9-B0E6C03786F4}"/>
            </a:ext>
          </a:extLst>
        </xdr:cNvPr>
        <xdr:cNvPicPr>
          <a:picLocks noChangeAspect="1"/>
        </xdr:cNvPicPr>
      </xdr:nvPicPr>
      <xdr:blipFill rotWithShape="1">
        <a:blip xmlns:r="http://schemas.openxmlformats.org/officeDocument/2006/relationships" r:embed="rId43"/>
        <a:srcRect l="3659" t="6313" b="81747"/>
        <a:stretch/>
      </xdr:blipFill>
      <xdr:spPr>
        <a:xfrm>
          <a:off x="0" y="16363950"/>
          <a:ext cx="5225143" cy="471169"/>
        </a:xfrm>
        <a:prstGeom prst="rect">
          <a:avLst/>
        </a:prstGeom>
      </xdr:spPr>
    </xdr:pic>
    <xdr:clientData/>
  </xdr:oneCellAnchor>
  <xdr:oneCellAnchor>
    <xdr:from>
      <xdr:col>0</xdr:col>
      <xdr:colOff>66674</xdr:colOff>
      <xdr:row>88</xdr:row>
      <xdr:rowOff>57681</xdr:rowOff>
    </xdr:from>
    <xdr:ext cx="5124450" cy="2066442"/>
    <xdr:pic>
      <xdr:nvPicPr>
        <xdr:cNvPr id="46" name="Picture 45">
          <a:extLst>
            <a:ext uri="{FF2B5EF4-FFF2-40B4-BE49-F238E27FC236}">
              <a16:creationId xmlns:a16="http://schemas.microsoft.com/office/drawing/2014/main" id="{01C94B48-3235-432E-BD52-AB63EAF1EBA5}"/>
            </a:ext>
          </a:extLst>
        </xdr:cNvPr>
        <xdr:cNvPicPr>
          <a:picLocks noChangeAspect="1"/>
        </xdr:cNvPicPr>
      </xdr:nvPicPr>
      <xdr:blipFill>
        <a:blip xmlns:r="http://schemas.openxmlformats.org/officeDocument/2006/relationships" r:embed="rId44"/>
        <a:stretch>
          <a:fillRect/>
        </a:stretch>
      </xdr:blipFill>
      <xdr:spPr>
        <a:xfrm>
          <a:off x="66674" y="16821681"/>
          <a:ext cx="5124450" cy="2066442"/>
        </a:xfrm>
        <a:prstGeom prst="rect">
          <a:avLst/>
        </a:prstGeom>
      </xdr:spPr>
    </xdr:pic>
    <xdr:clientData/>
  </xdr:oneCellAnchor>
  <xdr:twoCellAnchor>
    <xdr:from>
      <xdr:col>0</xdr:col>
      <xdr:colOff>57149</xdr:colOff>
      <xdr:row>88</xdr:row>
      <xdr:rowOff>19049</xdr:rowOff>
    </xdr:from>
    <xdr:to>
      <xdr:col>7</xdr:col>
      <xdr:colOff>552449</xdr:colOff>
      <xdr:row>90</xdr:row>
      <xdr:rowOff>114300</xdr:rowOff>
    </xdr:to>
    <xdr:sp macro="" textlink="">
      <xdr:nvSpPr>
        <xdr:cNvPr id="47" name="Rectangle 46">
          <a:extLst>
            <a:ext uri="{FF2B5EF4-FFF2-40B4-BE49-F238E27FC236}">
              <a16:creationId xmlns:a16="http://schemas.microsoft.com/office/drawing/2014/main" id="{E8F75438-AE48-4E1F-986C-EAA6ABF1B9A4}"/>
            </a:ext>
          </a:extLst>
        </xdr:cNvPr>
        <xdr:cNvSpPr/>
      </xdr:nvSpPr>
      <xdr:spPr>
        <a:xfrm>
          <a:off x="57149" y="16783049"/>
          <a:ext cx="5095875" cy="476251"/>
        </a:xfrm>
        <a:prstGeom prst="rect">
          <a:avLst/>
        </a:prstGeom>
        <a:noFill/>
        <a:ln w="571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4</xdr:col>
      <xdr:colOff>607244</xdr:colOff>
      <xdr:row>2</xdr:row>
      <xdr:rowOff>13684</xdr:rowOff>
    </xdr:from>
    <xdr:to>
      <xdr:col>8</xdr:col>
      <xdr:colOff>495560</xdr:colOff>
      <xdr:row>20</xdr:row>
      <xdr:rowOff>83820</xdr:rowOff>
    </xdr:to>
    <xdr:pic>
      <xdr:nvPicPr>
        <xdr:cNvPr id="2" name="Picture 1">
          <a:extLst>
            <a:ext uri="{FF2B5EF4-FFF2-40B4-BE49-F238E27FC236}">
              <a16:creationId xmlns:a16="http://schemas.microsoft.com/office/drawing/2014/main" id="{384FF87A-6BA2-4BA6-A755-2619771180F2}"/>
            </a:ext>
          </a:extLst>
        </xdr:cNvPr>
        <xdr:cNvPicPr>
          <a:picLocks noChangeAspect="1"/>
        </xdr:cNvPicPr>
      </xdr:nvPicPr>
      <xdr:blipFill>
        <a:blip xmlns:r="http://schemas.openxmlformats.org/officeDocument/2006/relationships" r:embed="rId1"/>
        <a:stretch>
          <a:fillRect/>
        </a:stretch>
      </xdr:blipFill>
      <xdr:spPr>
        <a:xfrm>
          <a:off x="3045644" y="394684"/>
          <a:ext cx="2326716" cy="3499136"/>
        </a:xfrm>
        <a:prstGeom prst="rect">
          <a:avLst/>
        </a:prstGeom>
      </xdr:spPr>
    </xdr:pic>
    <xdr:clientData/>
  </xdr:twoCellAnchor>
  <xdr:twoCellAnchor editAs="oneCell">
    <xdr:from>
      <xdr:col>0</xdr:col>
      <xdr:colOff>0</xdr:colOff>
      <xdr:row>2</xdr:row>
      <xdr:rowOff>0</xdr:rowOff>
    </xdr:from>
    <xdr:to>
      <xdr:col>4</xdr:col>
      <xdr:colOff>335528</xdr:colOff>
      <xdr:row>14</xdr:row>
      <xdr:rowOff>38293</xdr:rowOff>
    </xdr:to>
    <xdr:pic>
      <xdr:nvPicPr>
        <xdr:cNvPr id="3" name="Picture 2">
          <a:extLst>
            <a:ext uri="{FF2B5EF4-FFF2-40B4-BE49-F238E27FC236}">
              <a16:creationId xmlns:a16="http://schemas.microsoft.com/office/drawing/2014/main" id="{27195636-089A-46E6-806A-33470496FF7C}"/>
            </a:ext>
          </a:extLst>
        </xdr:cNvPr>
        <xdr:cNvPicPr>
          <a:picLocks noChangeAspect="1"/>
        </xdr:cNvPicPr>
      </xdr:nvPicPr>
      <xdr:blipFill>
        <a:blip xmlns:r="http://schemas.openxmlformats.org/officeDocument/2006/relationships" r:embed="rId2"/>
        <a:stretch>
          <a:fillRect/>
        </a:stretch>
      </xdr:blipFill>
      <xdr:spPr>
        <a:xfrm>
          <a:off x="0" y="381000"/>
          <a:ext cx="2773928" cy="2324293"/>
        </a:xfrm>
        <a:prstGeom prst="rect">
          <a:avLst/>
        </a:prstGeom>
      </xdr:spPr>
    </xdr:pic>
    <xdr:clientData/>
  </xdr:twoCellAnchor>
  <xdr:twoCellAnchor editAs="oneCell">
    <xdr:from>
      <xdr:col>0</xdr:col>
      <xdr:colOff>0</xdr:colOff>
      <xdr:row>15</xdr:row>
      <xdr:rowOff>0</xdr:rowOff>
    </xdr:from>
    <xdr:to>
      <xdr:col>4</xdr:col>
      <xdr:colOff>335528</xdr:colOff>
      <xdr:row>27</xdr:row>
      <xdr:rowOff>38293</xdr:rowOff>
    </xdr:to>
    <xdr:pic>
      <xdr:nvPicPr>
        <xdr:cNvPr id="4" name="Picture 3">
          <a:extLst>
            <a:ext uri="{FF2B5EF4-FFF2-40B4-BE49-F238E27FC236}">
              <a16:creationId xmlns:a16="http://schemas.microsoft.com/office/drawing/2014/main" id="{73E6C9F4-E8E7-47F9-A1C9-D759436C5180}"/>
            </a:ext>
          </a:extLst>
        </xdr:cNvPr>
        <xdr:cNvPicPr>
          <a:picLocks noChangeAspect="1"/>
        </xdr:cNvPicPr>
      </xdr:nvPicPr>
      <xdr:blipFill>
        <a:blip xmlns:r="http://schemas.openxmlformats.org/officeDocument/2006/relationships" r:embed="rId3"/>
        <a:stretch>
          <a:fillRect/>
        </a:stretch>
      </xdr:blipFill>
      <xdr:spPr>
        <a:xfrm>
          <a:off x="0" y="2857500"/>
          <a:ext cx="2773928" cy="2324293"/>
        </a:xfrm>
        <a:prstGeom prst="rect">
          <a:avLst/>
        </a:prstGeom>
      </xdr:spPr>
    </xdr:pic>
    <xdr:clientData/>
  </xdr:twoCellAnchor>
  <xdr:twoCellAnchor editAs="oneCell">
    <xdr:from>
      <xdr:col>0</xdr:col>
      <xdr:colOff>0</xdr:colOff>
      <xdr:row>27</xdr:row>
      <xdr:rowOff>83820</xdr:rowOff>
    </xdr:from>
    <xdr:to>
      <xdr:col>4</xdr:col>
      <xdr:colOff>312666</xdr:colOff>
      <xdr:row>31</xdr:row>
      <xdr:rowOff>61021</xdr:rowOff>
    </xdr:to>
    <xdr:pic>
      <xdr:nvPicPr>
        <xdr:cNvPr id="5" name="Picture 4">
          <a:extLst>
            <a:ext uri="{FF2B5EF4-FFF2-40B4-BE49-F238E27FC236}">
              <a16:creationId xmlns:a16="http://schemas.microsoft.com/office/drawing/2014/main" id="{9FDECE31-03BA-4826-8689-F5B1C3D4B324}"/>
            </a:ext>
          </a:extLst>
        </xdr:cNvPr>
        <xdr:cNvPicPr>
          <a:picLocks noChangeAspect="1"/>
        </xdr:cNvPicPr>
      </xdr:nvPicPr>
      <xdr:blipFill>
        <a:blip xmlns:r="http://schemas.openxmlformats.org/officeDocument/2006/relationships" r:embed="rId4"/>
        <a:stretch>
          <a:fillRect/>
        </a:stretch>
      </xdr:blipFill>
      <xdr:spPr>
        <a:xfrm>
          <a:off x="0" y="5227320"/>
          <a:ext cx="2751066" cy="739201"/>
        </a:xfrm>
        <a:prstGeom prst="rect">
          <a:avLst/>
        </a:prstGeom>
      </xdr:spPr>
    </xdr:pic>
    <xdr:clientData/>
  </xdr:twoCellAnchor>
  <xdr:twoCellAnchor editAs="oneCell">
    <xdr:from>
      <xdr:col>4</xdr:col>
      <xdr:colOff>537046</xdr:colOff>
      <xdr:row>21</xdr:row>
      <xdr:rowOff>106680</xdr:rowOff>
    </xdr:from>
    <xdr:to>
      <xdr:col>8</xdr:col>
      <xdr:colOff>519348</xdr:colOff>
      <xdr:row>35</xdr:row>
      <xdr:rowOff>106680</xdr:rowOff>
    </xdr:to>
    <xdr:pic>
      <xdr:nvPicPr>
        <xdr:cNvPr id="6" name="Picture 5">
          <a:extLst>
            <a:ext uri="{FF2B5EF4-FFF2-40B4-BE49-F238E27FC236}">
              <a16:creationId xmlns:a16="http://schemas.microsoft.com/office/drawing/2014/main" id="{06ADE52F-7F7A-4B88-B101-86AA2E9CEBE3}"/>
            </a:ext>
          </a:extLst>
        </xdr:cNvPr>
        <xdr:cNvPicPr>
          <a:picLocks noChangeAspect="1"/>
        </xdr:cNvPicPr>
      </xdr:nvPicPr>
      <xdr:blipFill>
        <a:blip xmlns:r="http://schemas.openxmlformats.org/officeDocument/2006/relationships" r:embed="rId5"/>
        <a:stretch>
          <a:fillRect/>
        </a:stretch>
      </xdr:blipFill>
      <xdr:spPr>
        <a:xfrm>
          <a:off x="2975446" y="4107180"/>
          <a:ext cx="2420702" cy="2667000"/>
        </a:xfrm>
        <a:prstGeom prst="rect">
          <a:avLst/>
        </a:prstGeom>
      </xdr:spPr>
    </xdr:pic>
    <xdr:clientData/>
  </xdr:twoCellAnchor>
  <xdr:twoCellAnchor editAs="oneCell">
    <xdr:from>
      <xdr:col>13</xdr:col>
      <xdr:colOff>544424</xdr:colOff>
      <xdr:row>2</xdr:row>
      <xdr:rowOff>30480</xdr:rowOff>
    </xdr:from>
    <xdr:to>
      <xdr:col>17</xdr:col>
      <xdr:colOff>564166</xdr:colOff>
      <xdr:row>19</xdr:row>
      <xdr:rowOff>160020</xdr:rowOff>
    </xdr:to>
    <xdr:pic>
      <xdr:nvPicPr>
        <xdr:cNvPr id="7" name="Picture 6">
          <a:extLst>
            <a:ext uri="{FF2B5EF4-FFF2-40B4-BE49-F238E27FC236}">
              <a16:creationId xmlns:a16="http://schemas.microsoft.com/office/drawing/2014/main" id="{FFE2D518-7E2E-4299-A408-FAA76FF6B0B3}"/>
            </a:ext>
          </a:extLst>
        </xdr:cNvPr>
        <xdr:cNvPicPr>
          <a:picLocks noChangeAspect="1"/>
        </xdr:cNvPicPr>
      </xdr:nvPicPr>
      <xdr:blipFill>
        <a:blip xmlns:r="http://schemas.openxmlformats.org/officeDocument/2006/relationships" r:embed="rId6"/>
        <a:stretch>
          <a:fillRect/>
        </a:stretch>
      </xdr:blipFill>
      <xdr:spPr>
        <a:xfrm>
          <a:off x="8469224" y="411480"/>
          <a:ext cx="2458142" cy="3368040"/>
        </a:xfrm>
        <a:prstGeom prst="rect">
          <a:avLst/>
        </a:prstGeom>
      </xdr:spPr>
    </xdr:pic>
    <xdr:clientData/>
  </xdr:twoCellAnchor>
  <xdr:twoCellAnchor editAs="oneCell">
    <xdr:from>
      <xdr:col>9</xdr:col>
      <xdr:colOff>3180</xdr:colOff>
      <xdr:row>2</xdr:row>
      <xdr:rowOff>32658</xdr:rowOff>
    </xdr:from>
    <xdr:to>
      <xdr:col>13</xdr:col>
      <xdr:colOff>327904</xdr:colOff>
      <xdr:row>14</xdr:row>
      <xdr:rowOff>122116</xdr:rowOff>
    </xdr:to>
    <xdr:pic>
      <xdr:nvPicPr>
        <xdr:cNvPr id="8" name="Picture 7">
          <a:extLst>
            <a:ext uri="{FF2B5EF4-FFF2-40B4-BE49-F238E27FC236}">
              <a16:creationId xmlns:a16="http://schemas.microsoft.com/office/drawing/2014/main" id="{9D300493-6B3C-43FF-AB73-6AA4871F2225}"/>
            </a:ext>
          </a:extLst>
        </xdr:cNvPr>
        <xdr:cNvPicPr>
          <a:picLocks noChangeAspect="1"/>
        </xdr:cNvPicPr>
      </xdr:nvPicPr>
      <xdr:blipFill>
        <a:blip xmlns:r="http://schemas.openxmlformats.org/officeDocument/2006/relationships" r:embed="rId7"/>
        <a:stretch>
          <a:fillRect/>
        </a:stretch>
      </xdr:blipFill>
      <xdr:spPr>
        <a:xfrm>
          <a:off x="5489580" y="413658"/>
          <a:ext cx="2763124" cy="2375458"/>
        </a:xfrm>
        <a:prstGeom prst="rect">
          <a:avLst/>
        </a:prstGeom>
      </xdr:spPr>
    </xdr:pic>
    <xdr:clientData/>
  </xdr:twoCellAnchor>
  <xdr:twoCellAnchor editAs="oneCell">
    <xdr:from>
      <xdr:col>9</xdr:col>
      <xdr:colOff>76200</xdr:colOff>
      <xdr:row>15</xdr:row>
      <xdr:rowOff>58704</xdr:rowOff>
    </xdr:from>
    <xdr:to>
      <xdr:col>13</xdr:col>
      <xdr:colOff>305046</xdr:colOff>
      <xdr:row>26</xdr:row>
      <xdr:rowOff>144967</xdr:rowOff>
    </xdr:to>
    <xdr:pic>
      <xdr:nvPicPr>
        <xdr:cNvPr id="9" name="Picture 8">
          <a:extLst>
            <a:ext uri="{FF2B5EF4-FFF2-40B4-BE49-F238E27FC236}">
              <a16:creationId xmlns:a16="http://schemas.microsoft.com/office/drawing/2014/main" id="{73B12EFF-0BA7-4E71-B242-239F60FFFE44}"/>
            </a:ext>
          </a:extLst>
        </xdr:cNvPr>
        <xdr:cNvPicPr>
          <a:picLocks noChangeAspect="1"/>
        </xdr:cNvPicPr>
      </xdr:nvPicPr>
      <xdr:blipFill>
        <a:blip xmlns:r="http://schemas.openxmlformats.org/officeDocument/2006/relationships" r:embed="rId8"/>
        <a:stretch>
          <a:fillRect/>
        </a:stretch>
      </xdr:blipFill>
      <xdr:spPr>
        <a:xfrm>
          <a:off x="5562600" y="2916204"/>
          <a:ext cx="2667246" cy="2181763"/>
        </a:xfrm>
        <a:prstGeom prst="rect">
          <a:avLst/>
        </a:prstGeom>
      </xdr:spPr>
    </xdr:pic>
    <xdr:clientData/>
  </xdr:twoCellAnchor>
  <xdr:twoCellAnchor editAs="oneCell">
    <xdr:from>
      <xdr:col>9</xdr:col>
      <xdr:colOff>21770</xdr:colOff>
      <xdr:row>27</xdr:row>
      <xdr:rowOff>5353</xdr:rowOff>
    </xdr:from>
    <xdr:to>
      <xdr:col>13</xdr:col>
      <xdr:colOff>289803</xdr:colOff>
      <xdr:row>30</xdr:row>
      <xdr:rowOff>137218</xdr:rowOff>
    </xdr:to>
    <xdr:pic>
      <xdr:nvPicPr>
        <xdr:cNvPr id="10" name="Picture 9">
          <a:extLst>
            <a:ext uri="{FF2B5EF4-FFF2-40B4-BE49-F238E27FC236}">
              <a16:creationId xmlns:a16="http://schemas.microsoft.com/office/drawing/2014/main" id="{8047BF1D-FB21-43A6-B338-EC70719E4E8E}"/>
            </a:ext>
          </a:extLst>
        </xdr:cNvPr>
        <xdr:cNvPicPr>
          <a:picLocks noChangeAspect="1"/>
        </xdr:cNvPicPr>
      </xdr:nvPicPr>
      <xdr:blipFill>
        <a:blip xmlns:r="http://schemas.openxmlformats.org/officeDocument/2006/relationships" r:embed="rId9"/>
        <a:stretch>
          <a:fillRect/>
        </a:stretch>
      </xdr:blipFill>
      <xdr:spPr>
        <a:xfrm>
          <a:off x="5508170" y="5148853"/>
          <a:ext cx="2706433" cy="703365"/>
        </a:xfrm>
        <a:prstGeom prst="rect">
          <a:avLst/>
        </a:prstGeom>
      </xdr:spPr>
    </xdr:pic>
    <xdr:clientData/>
  </xdr:twoCellAnchor>
  <xdr:twoCellAnchor editAs="oneCell">
    <xdr:from>
      <xdr:col>13</xdr:col>
      <xdr:colOff>342900</xdr:colOff>
      <xdr:row>21</xdr:row>
      <xdr:rowOff>15240</xdr:rowOff>
    </xdr:from>
    <xdr:to>
      <xdr:col>17</xdr:col>
      <xdr:colOff>533636</xdr:colOff>
      <xdr:row>36</xdr:row>
      <xdr:rowOff>160270</xdr:rowOff>
    </xdr:to>
    <xdr:pic>
      <xdr:nvPicPr>
        <xdr:cNvPr id="11" name="Picture 10">
          <a:extLst>
            <a:ext uri="{FF2B5EF4-FFF2-40B4-BE49-F238E27FC236}">
              <a16:creationId xmlns:a16="http://schemas.microsoft.com/office/drawing/2014/main" id="{78B4A33F-EB52-4DC2-9607-7404CF9A8DE4}"/>
            </a:ext>
          </a:extLst>
        </xdr:cNvPr>
        <xdr:cNvPicPr>
          <a:picLocks noChangeAspect="1"/>
        </xdr:cNvPicPr>
      </xdr:nvPicPr>
      <xdr:blipFill>
        <a:blip xmlns:r="http://schemas.openxmlformats.org/officeDocument/2006/relationships" r:embed="rId10"/>
        <a:stretch>
          <a:fillRect/>
        </a:stretch>
      </xdr:blipFill>
      <xdr:spPr>
        <a:xfrm>
          <a:off x="8267700" y="4015740"/>
          <a:ext cx="2629136" cy="3002530"/>
        </a:xfrm>
        <a:prstGeom prst="rect">
          <a:avLst/>
        </a:prstGeom>
      </xdr:spPr>
    </xdr:pic>
    <xdr:clientData/>
  </xdr:twoCellAnchor>
  <xdr:twoCellAnchor editAs="oneCell">
    <xdr:from>
      <xdr:col>5</xdr:col>
      <xdr:colOff>419100</xdr:colOff>
      <xdr:row>51</xdr:row>
      <xdr:rowOff>91440</xdr:rowOff>
    </xdr:from>
    <xdr:to>
      <xdr:col>8</xdr:col>
      <xdr:colOff>586919</xdr:colOff>
      <xdr:row>70</xdr:row>
      <xdr:rowOff>84120</xdr:rowOff>
    </xdr:to>
    <xdr:pic>
      <xdr:nvPicPr>
        <xdr:cNvPr id="12" name="Picture 11">
          <a:extLst>
            <a:ext uri="{FF2B5EF4-FFF2-40B4-BE49-F238E27FC236}">
              <a16:creationId xmlns:a16="http://schemas.microsoft.com/office/drawing/2014/main" id="{0C416AF6-28F1-4CB9-B913-D70AC31A2409}"/>
            </a:ext>
          </a:extLst>
        </xdr:cNvPr>
        <xdr:cNvPicPr>
          <a:picLocks noChangeAspect="1"/>
        </xdr:cNvPicPr>
      </xdr:nvPicPr>
      <xdr:blipFill>
        <a:blip xmlns:r="http://schemas.openxmlformats.org/officeDocument/2006/relationships" r:embed="rId11"/>
        <a:stretch>
          <a:fillRect/>
        </a:stretch>
      </xdr:blipFill>
      <xdr:spPr>
        <a:xfrm>
          <a:off x="3467100" y="9806940"/>
          <a:ext cx="1996619" cy="3612180"/>
        </a:xfrm>
        <a:prstGeom prst="rect">
          <a:avLst/>
        </a:prstGeom>
      </xdr:spPr>
    </xdr:pic>
    <xdr:clientData/>
  </xdr:twoCellAnchor>
  <xdr:twoCellAnchor editAs="oneCell">
    <xdr:from>
      <xdr:col>0</xdr:col>
      <xdr:colOff>160020</xdr:colOff>
      <xdr:row>51</xdr:row>
      <xdr:rowOff>170933</xdr:rowOff>
    </xdr:from>
    <xdr:to>
      <xdr:col>4</xdr:col>
      <xdr:colOff>495548</xdr:colOff>
      <xdr:row>64</xdr:row>
      <xdr:rowOff>42623</xdr:rowOff>
    </xdr:to>
    <xdr:pic>
      <xdr:nvPicPr>
        <xdr:cNvPr id="13" name="Picture 12">
          <a:extLst>
            <a:ext uri="{FF2B5EF4-FFF2-40B4-BE49-F238E27FC236}">
              <a16:creationId xmlns:a16="http://schemas.microsoft.com/office/drawing/2014/main" id="{CC17AC25-6BC2-44A0-8C38-D1F7F72F555A}"/>
            </a:ext>
          </a:extLst>
        </xdr:cNvPr>
        <xdr:cNvPicPr>
          <a:picLocks noChangeAspect="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xdr:blipFill>
      <xdr:spPr>
        <a:xfrm>
          <a:off x="160020" y="9886433"/>
          <a:ext cx="2773928" cy="2348190"/>
        </a:xfrm>
        <a:prstGeom prst="rect">
          <a:avLst/>
        </a:prstGeom>
      </xdr:spPr>
    </xdr:pic>
    <xdr:clientData/>
  </xdr:twoCellAnchor>
  <xdr:twoCellAnchor editAs="oneCell">
    <xdr:from>
      <xdr:col>0</xdr:col>
      <xdr:colOff>129540</xdr:colOff>
      <xdr:row>64</xdr:row>
      <xdr:rowOff>118175</xdr:rowOff>
    </xdr:from>
    <xdr:to>
      <xdr:col>4</xdr:col>
      <xdr:colOff>457448</xdr:colOff>
      <xdr:row>76</xdr:row>
      <xdr:rowOff>3938</xdr:rowOff>
    </xdr:to>
    <xdr:pic>
      <xdr:nvPicPr>
        <xdr:cNvPr id="14" name="Picture 13">
          <a:extLst>
            <a:ext uri="{FF2B5EF4-FFF2-40B4-BE49-F238E27FC236}">
              <a16:creationId xmlns:a16="http://schemas.microsoft.com/office/drawing/2014/main" id="{AE8BF011-8B34-4CF4-90C9-F98245B068C1}"/>
            </a:ext>
          </a:extLst>
        </xdr:cNvPr>
        <xdr:cNvPicPr>
          <a:picLocks noChangeAspect="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xdr:blipFill>
      <xdr:spPr>
        <a:xfrm>
          <a:off x="129540" y="12310175"/>
          <a:ext cx="2766308" cy="2171763"/>
        </a:xfrm>
        <a:prstGeom prst="rect">
          <a:avLst/>
        </a:prstGeom>
      </xdr:spPr>
    </xdr:pic>
    <xdr:clientData/>
  </xdr:twoCellAnchor>
  <xdr:twoCellAnchor editAs="oneCell">
    <xdr:from>
      <xdr:col>0</xdr:col>
      <xdr:colOff>160020</xdr:colOff>
      <xdr:row>76</xdr:row>
      <xdr:rowOff>162233</xdr:rowOff>
    </xdr:from>
    <xdr:to>
      <xdr:col>4</xdr:col>
      <xdr:colOff>480307</xdr:colOff>
      <xdr:row>80</xdr:row>
      <xdr:rowOff>89285</xdr:rowOff>
    </xdr:to>
    <xdr:pic>
      <xdr:nvPicPr>
        <xdr:cNvPr id="15" name="Picture 14">
          <a:extLst>
            <a:ext uri="{FF2B5EF4-FFF2-40B4-BE49-F238E27FC236}">
              <a16:creationId xmlns:a16="http://schemas.microsoft.com/office/drawing/2014/main" id="{4B6D6444-AF80-461B-8520-5E8F51DF7BFE}"/>
            </a:ext>
          </a:extLst>
        </xdr:cNvPr>
        <xdr:cNvPicPr>
          <a:picLocks noChangeAspect="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xdr:blipFill>
      <xdr:spPr>
        <a:xfrm>
          <a:off x="160020" y="14640233"/>
          <a:ext cx="2758687" cy="689052"/>
        </a:xfrm>
        <a:prstGeom prst="rect">
          <a:avLst/>
        </a:prstGeom>
      </xdr:spPr>
    </xdr:pic>
    <xdr:clientData/>
  </xdr:twoCellAnchor>
  <xdr:twoCellAnchor editAs="oneCell">
    <xdr:from>
      <xdr:col>4</xdr:col>
      <xdr:colOff>564607</xdr:colOff>
      <xdr:row>72</xdr:row>
      <xdr:rowOff>118873</xdr:rowOff>
    </xdr:from>
    <xdr:to>
      <xdr:col>8</xdr:col>
      <xdr:colOff>588578</xdr:colOff>
      <xdr:row>86</xdr:row>
      <xdr:rowOff>124967</xdr:rowOff>
    </xdr:to>
    <xdr:pic>
      <xdr:nvPicPr>
        <xdr:cNvPr id="16" name="Picture 15">
          <a:extLst>
            <a:ext uri="{FF2B5EF4-FFF2-40B4-BE49-F238E27FC236}">
              <a16:creationId xmlns:a16="http://schemas.microsoft.com/office/drawing/2014/main" id="{12E3FA65-20DB-4F32-9A40-0CF5CAB26415}"/>
            </a:ext>
          </a:extLst>
        </xdr:cNvPr>
        <xdr:cNvPicPr>
          <a:picLocks noChangeAspect="1"/>
        </xdr:cNvPicPr>
      </xdr:nvPicPr>
      <xdr:blipFill>
        <a:blip xmlns:r="http://schemas.openxmlformats.org/officeDocument/2006/relationships" r:embed="rId15">
          <a:extLst>
            <a:ext uri="{28A0092B-C50C-407E-A947-70E740481C1C}">
              <a14:useLocalDpi xmlns:a14="http://schemas.microsoft.com/office/drawing/2010/main" val="0"/>
            </a:ext>
          </a:extLst>
        </a:blip>
        <a:srcRect/>
        <a:stretch/>
      </xdr:blipFill>
      <xdr:spPr>
        <a:xfrm>
          <a:off x="3003007" y="13834873"/>
          <a:ext cx="2462371" cy="2673094"/>
        </a:xfrm>
        <a:prstGeom prst="rect">
          <a:avLst/>
        </a:prstGeom>
      </xdr:spPr>
    </xdr:pic>
    <xdr:clientData/>
  </xdr:twoCellAnchor>
  <xdr:twoCellAnchor editAs="oneCell">
    <xdr:from>
      <xdr:col>9</xdr:col>
      <xdr:colOff>125730</xdr:colOff>
      <xdr:row>53</xdr:row>
      <xdr:rowOff>45720</xdr:rowOff>
    </xdr:from>
    <xdr:to>
      <xdr:col>13</xdr:col>
      <xdr:colOff>348271</xdr:colOff>
      <xdr:row>64</xdr:row>
      <xdr:rowOff>171171</xdr:rowOff>
    </xdr:to>
    <xdr:pic>
      <xdr:nvPicPr>
        <xdr:cNvPr id="17" name="Picture 16">
          <a:extLst>
            <a:ext uri="{FF2B5EF4-FFF2-40B4-BE49-F238E27FC236}">
              <a16:creationId xmlns:a16="http://schemas.microsoft.com/office/drawing/2014/main" id="{88FE3FD9-99FD-4062-BFA0-81E77201758A}"/>
            </a:ext>
          </a:extLst>
        </xdr:cNvPr>
        <xdr:cNvPicPr>
          <a:picLocks noChangeAspect="1"/>
        </xdr:cNvPicPr>
      </xdr:nvPicPr>
      <xdr:blipFill>
        <a:blip xmlns:r="http://schemas.openxmlformats.org/officeDocument/2006/relationships" r:embed="rId16"/>
        <a:stretch>
          <a:fillRect/>
        </a:stretch>
      </xdr:blipFill>
      <xdr:spPr>
        <a:xfrm>
          <a:off x="5612130" y="10142220"/>
          <a:ext cx="2660941" cy="2220951"/>
        </a:xfrm>
        <a:prstGeom prst="rect">
          <a:avLst/>
        </a:prstGeom>
      </xdr:spPr>
    </xdr:pic>
    <xdr:clientData/>
  </xdr:twoCellAnchor>
  <xdr:twoCellAnchor editAs="oneCell">
    <xdr:from>
      <xdr:col>9</xdr:col>
      <xdr:colOff>106680</xdr:colOff>
      <xdr:row>65</xdr:row>
      <xdr:rowOff>45720</xdr:rowOff>
    </xdr:from>
    <xdr:to>
      <xdr:col>13</xdr:col>
      <xdr:colOff>367316</xdr:colOff>
      <xdr:row>76</xdr:row>
      <xdr:rowOff>159744</xdr:rowOff>
    </xdr:to>
    <xdr:pic>
      <xdr:nvPicPr>
        <xdr:cNvPr id="18" name="Picture 17">
          <a:extLst>
            <a:ext uri="{FF2B5EF4-FFF2-40B4-BE49-F238E27FC236}">
              <a16:creationId xmlns:a16="http://schemas.microsoft.com/office/drawing/2014/main" id="{0A7BB49A-B1AB-4D0E-8C1E-2B108C77D66A}"/>
            </a:ext>
          </a:extLst>
        </xdr:cNvPr>
        <xdr:cNvPicPr>
          <a:picLocks noChangeAspect="1"/>
        </xdr:cNvPicPr>
      </xdr:nvPicPr>
      <xdr:blipFill>
        <a:blip xmlns:r="http://schemas.openxmlformats.org/officeDocument/2006/relationships" r:embed="rId17"/>
        <a:stretch>
          <a:fillRect/>
        </a:stretch>
      </xdr:blipFill>
      <xdr:spPr>
        <a:xfrm>
          <a:off x="5593080" y="12428220"/>
          <a:ext cx="2699036" cy="2209524"/>
        </a:xfrm>
        <a:prstGeom prst="rect">
          <a:avLst/>
        </a:prstGeom>
      </xdr:spPr>
    </xdr:pic>
    <xdr:clientData/>
  </xdr:twoCellAnchor>
  <xdr:twoCellAnchor editAs="oneCell">
    <xdr:from>
      <xdr:col>9</xdr:col>
      <xdr:colOff>125730</xdr:colOff>
      <xdr:row>77</xdr:row>
      <xdr:rowOff>74295</xdr:rowOff>
    </xdr:from>
    <xdr:to>
      <xdr:col>13</xdr:col>
      <xdr:colOff>357795</xdr:colOff>
      <xdr:row>80</xdr:row>
      <xdr:rowOff>169462</xdr:rowOff>
    </xdr:to>
    <xdr:pic>
      <xdr:nvPicPr>
        <xdr:cNvPr id="19" name="Picture 18">
          <a:extLst>
            <a:ext uri="{FF2B5EF4-FFF2-40B4-BE49-F238E27FC236}">
              <a16:creationId xmlns:a16="http://schemas.microsoft.com/office/drawing/2014/main" id="{CE6C29B1-353E-451B-AFE9-DACA9466427C}"/>
            </a:ext>
          </a:extLst>
        </xdr:cNvPr>
        <xdr:cNvPicPr>
          <a:picLocks noChangeAspect="1"/>
        </xdr:cNvPicPr>
      </xdr:nvPicPr>
      <xdr:blipFill>
        <a:blip xmlns:r="http://schemas.openxmlformats.org/officeDocument/2006/relationships" r:embed="rId18"/>
        <a:stretch>
          <a:fillRect/>
        </a:stretch>
      </xdr:blipFill>
      <xdr:spPr>
        <a:xfrm>
          <a:off x="5612130" y="14742795"/>
          <a:ext cx="2670465" cy="666667"/>
        </a:xfrm>
        <a:prstGeom prst="rect">
          <a:avLst/>
        </a:prstGeom>
      </xdr:spPr>
    </xdr:pic>
    <xdr:clientData/>
  </xdr:twoCellAnchor>
  <xdr:twoCellAnchor editAs="oneCell">
    <xdr:from>
      <xdr:col>13</xdr:col>
      <xdr:colOff>472440</xdr:colOff>
      <xdr:row>72</xdr:row>
      <xdr:rowOff>169545</xdr:rowOff>
    </xdr:from>
    <xdr:to>
      <xdr:col>17</xdr:col>
      <xdr:colOff>609267</xdr:colOff>
      <xdr:row>87</xdr:row>
      <xdr:rowOff>83474</xdr:rowOff>
    </xdr:to>
    <xdr:pic>
      <xdr:nvPicPr>
        <xdr:cNvPr id="20" name="Picture 19">
          <a:extLst>
            <a:ext uri="{FF2B5EF4-FFF2-40B4-BE49-F238E27FC236}">
              <a16:creationId xmlns:a16="http://schemas.microsoft.com/office/drawing/2014/main" id="{FB231D30-8B57-48BB-A613-8963B12C39B3}"/>
            </a:ext>
          </a:extLst>
        </xdr:cNvPr>
        <xdr:cNvPicPr>
          <a:picLocks noChangeAspect="1"/>
        </xdr:cNvPicPr>
      </xdr:nvPicPr>
      <xdr:blipFill>
        <a:blip xmlns:r="http://schemas.openxmlformats.org/officeDocument/2006/relationships" r:embed="rId19"/>
        <a:stretch>
          <a:fillRect/>
        </a:stretch>
      </xdr:blipFill>
      <xdr:spPr>
        <a:xfrm>
          <a:off x="8397240" y="13885545"/>
          <a:ext cx="2575227" cy="2771429"/>
        </a:xfrm>
        <a:prstGeom prst="rect">
          <a:avLst/>
        </a:prstGeom>
      </xdr:spPr>
    </xdr:pic>
    <xdr:clientData/>
  </xdr:twoCellAnchor>
  <xdr:twoCellAnchor editAs="oneCell">
    <xdr:from>
      <xdr:col>13</xdr:col>
      <xdr:colOff>539116</xdr:colOff>
      <xdr:row>53</xdr:row>
      <xdr:rowOff>180975</xdr:rowOff>
    </xdr:from>
    <xdr:to>
      <xdr:col>17</xdr:col>
      <xdr:colOff>526670</xdr:colOff>
      <xdr:row>66</xdr:row>
      <xdr:rowOff>114300</xdr:rowOff>
    </xdr:to>
    <xdr:pic>
      <xdr:nvPicPr>
        <xdr:cNvPr id="21" name="Picture 20">
          <a:extLst>
            <a:ext uri="{FF2B5EF4-FFF2-40B4-BE49-F238E27FC236}">
              <a16:creationId xmlns:a16="http://schemas.microsoft.com/office/drawing/2014/main" id="{AD7C7B36-9504-4F4D-B51A-14F0E07E96CC}"/>
            </a:ext>
          </a:extLst>
        </xdr:cNvPr>
        <xdr:cNvPicPr>
          <a:picLocks noChangeAspect="1"/>
        </xdr:cNvPicPr>
      </xdr:nvPicPr>
      <xdr:blipFill>
        <a:blip xmlns:r="http://schemas.openxmlformats.org/officeDocument/2006/relationships" r:embed="rId20"/>
        <a:stretch>
          <a:fillRect/>
        </a:stretch>
      </xdr:blipFill>
      <xdr:spPr>
        <a:xfrm>
          <a:off x="8463916" y="10277475"/>
          <a:ext cx="2425954" cy="2409825"/>
        </a:xfrm>
        <a:prstGeom prst="rect">
          <a:avLst/>
        </a:prstGeom>
      </xdr:spPr>
    </xdr:pic>
    <xdr:clientData/>
  </xdr:twoCellAnchor>
  <xdr:twoCellAnchor editAs="oneCell">
    <xdr:from>
      <xdr:col>5</xdr:col>
      <xdr:colOff>45720</xdr:colOff>
      <xdr:row>102</xdr:row>
      <xdr:rowOff>96482</xdr:rowOff>
    </xdr:from>
    <xdr:to>
      <xdr:col>8</xdr:col>
      <xdr:colOff>533673</xdr:colOff>
      <xdr:row>117</xdr:row>
      <xdr:rowOff>61269</xdr:rowOff>
    </xdr:to>
    <xdr:pic>
      <xdr:nvPicPr>
        <xdr:cNvPr id="22" name="Picture 21">
          <a:extLst>
            <a:ext uri="{FF2B5EF4-FFF2-40B4-BE49-F238E27FC236}">
              <a16:creationId xmlns:a16="http://schemas.microsoft.com/office/drawing/2014/main" id="{A68981D1-995E-4B64-A066-48EAC019EE20}"/>
            </a:ext>
          </a:extLst>
        </xdr:cNvPr>
        <xdr:cNvPicPr>
          <a:picLocks noChangeAspect="1"/>
        </xdr:cNvPicPr>
      </xdr:nvPicPr>
      <xdr:blipFill>
        <a:blip xmlns:r="http://schemas.openxmlformats.org/officeDocument/2006/relationships" r:embed="rId21"/>
        <a:stretch>
          <a:fillRect/>
        </a:stretch>
      </xdr:blipFill>
      <xdr:spPr>
        <a:xfrm>
          <a:off x="3093720" y="19527482"/>
          <a:ext cx="2316753" cy="2822287"/>
        </a:xfrm>
        <a:prstGeom prst="rect">
          <a:avLst/>
        </a:prstGeom>
      </xdr:spPr>
    </xdr:pic>
    <xdr:clientData/>
  </xdr:twoCellAnchor>
  <xdr:twoCellAnchor editAs="oneCell">
    <xdr:from>
      <xdr:col>0</xdr:col>
      <xdr:colOff>0</xdr:colOff>
      <xdr:row>102</xdr:row>
      <xdr:rowOff>0</xdr:rowOff>
    </xdr:from>
    <xdr:to>
      <xdr:col>4</xdr:col>
      <xdr:colOff>457200</xdr:colOff>
      <xdr:row>114</xdr:row>
      <xdr:rowOff>148996</xdr:rowOff>
    </xdr:to>
    <xdr:pic>
      <xdr:nvPicPr>
        <xdr:cNvPr id="23" name="Picture 22">
          <a:extLst>
            <a:ext uri="{FF2B5EF4-FFF2-40B4-BE49-F238E27FC236}">
              <a16:creationId xmlns:a16="http://schemas.microsoft.com/office/drawing/2014/main" id="{9E188858-F477-4B70-B34E-2DE2161F260F}"/>
            </a:ext>
          </a:extLst>
        </xdr:cNvPr>
        <xdr:cNvPicPr>
          <a:picLocks noChangeAspect="1"/>
        </xdr:cNvPicPr>
      </xdr:nvPicPr>
      <xdr:blipFill>
        <a:blip xmlns:r="http://schemas.openxmlformats.org/officeDocument/2006/relationships" r:embed="rId22"/>
        <a:stretch>
          <a:fillRect/>
        </a:stretch>
      </xdr:blipFill>
      <xdr:spPr>
        <a:xfrm>
          <a:off x="0" y="19431000"/>
          <a:ext cx="2895600" cy="2434996"/>
        </a:xfrm>
        <a:prstGeom prst="rect">
          <a:avLst/>
        </a:prstGeom>
      </xdr:spPr>
    </xdr:pic>
    <xdr:clientData/>
  </xdr:twoCellAnchor>
  <xdr:twoCellAnchor editAs="oneCell">
    <xdr:from>
      <xdr:col>0</xdr:col>
      <xdr:colOff>0</xdr:colOff>
      <xdr:row>115</xdr:row>
      <xdr:rowOff>0</xdr:rowOff>
    </xdr:from>
    <xdr:to>
      <xdr:col>4</xdr:col>
      <xdr:colOff>282184</xdr:colOff>
      <xdr:row>127</xdr:row>
      <xdr:rowOff>23052</xdr:rowOff>
    </xdr:to>
    <xdr:pic>
      <xdr:nvPicPr>
        <xdr:cNvPr id="24" name="Picture 23">
          <a:extLst>
            <a:ext uri="{FF2B5EF4-FFF2-40B4-BE49-F238E27FC236}">
              <a16:creationId xmlns:a16="http://schemas.microsoft.com/office/drawing/2014/main" id="{77DEA186-BCC0-4D30-B59C-BD89EC2672CC}"/>
            </a:ext>
          </a:extLst>
        </xdr:cNvPr>
        <xdr:cNvPicPr>
          <a:picLocks noChangeAspect="1"/>
        </xdr:cNvPicPr>
      </xdr:nvPicPr>
      <xdr:blipFill>
        <a:blip xmlns:r="http://schemas.openxmlformats.org/officeDocument/2006/relationships" r:embed="rId23"/>
        <a:stretch>
          <a:fillRect/>
        </a:stretch>
      </xdr:blipFill>
      <xdr:spPr>
        <a:xfrm>
          <a:off x="0" y="21907500"/>
          <a:ext cx="2720584" cy="2309052"/>
        </a:xfrm>
        <a:prstGeom prst="rect">
          <a:avLst/>
        </a:prstGeom>
      </xdr:spPr>
    </xdr:pic>
    <xdr:clientData/>
  </xdr:twoCellAnchor>
  <xdr:twoCellAnchor editAs="oneCell">
    <xdr:from>
      <xdr:col>0</xdr:col>
      <xdr:colOff>0</xdr:colOff>
      <xdr:row>128</xdr:row>
      <xdr:rowOff>0</xdr:rowOff>
    </xdr:from>
    <xdr:to>
      <xdr:col>4</xdr:col>
      <xdr:colOff>297425</xdr:colOff>
      <xdr:row>131</xdr:row>
      <xdr:rowOff>129599</xdr:rowOff>
    </xdr:to>
    <xdr:pic>
      <xdr:nvPicPr>
        <xdr:cNvPr id="25" name="Picture 24">
          <a:extLst>
            <a:ext uri="{FF2B5EF4-FFF2-40B4-BE49-F238E27FC236}">
              <a16:creationId xmlns:a16="http://schemas.microsoft.com/office/drawing/2014/main" id="{1DFB76BB-3439-4F8A-BD93-CF8C0BADBFE1}"/>
            </a:ext>
          </a:extLst>
        </xdr:cNvPr>
        <xdr:cNvPicPr>
          <a:picLocks noChangeAspect="1"/>
        </xdr:cNvPicPr>
      </xdr:nvPicPr>
      <xdr:blipFill>
        <a:blip xmlns:r="http://schemas.openxmlformats.org/officeDocument/2006/relationships" r:embed="rId24"/>
        <a:stretch>
          <a:fillRect/>
        </a:stretch>
      </xdr:blipFill>
      <xdr:spPr>
        <a:xfrm>
          <a:off x="0" y="24384000"/>
          <a:ext cx="2735825" cy="701099"/>
        </a:xfrm>
        <a:prstGeom prst="rect">
          <a:avLst/>
        </a:prstGeom>
      </xdr:spPr>
    </xdr:pic>
    <xdr:clientData/>
  </xdr:twoCellAnchor>
  <xdr:twoCellAnchor editAs="oneCell">
    <xdr:from>
      <xdr:col>4</xdr:col>
      <xdr:colOff>594196</xdr:colOff>
      <xdr:row>118</xdr:row>
      <xdr:rowOff>91440</xdr:rowOff>
    </xdr:from>
    <xdr:to>
      <xdr:col>8</xdr:col>
      <xdr:colOff>551613</xdr:colOff>
      <xdr:row>132</xdr:row>
      <xdr:rowOff>129540</xdr:rowOff>
    </xdr:to>
    <xdr:pic>
      <xdr:nvPicPr>
        <xdr:cNvPr id="26" name="Picture 25">
          <a:extLst>
            <a:ext uri="{FF2B5EF4-FFF2-40B4-BE49-F238E27FC236}">
              <a16:creationId xmlns:a16="http://schemas.microsoft.com/office/drawing/2014/main" id="{EB0C51BD-A6B7-4B7F-AF4B-5F869DA0350F}"/>
            </a:ext>
          </a:extLst>
        </xdr:cNvPr>
        <xdr:cNvPicPr>
          <a:picLocks noChangeAspect="1"/>
        </xdr:cNvPicPr>
      </xdr:nvPicPr>
      <xdr:blipFill>
        <a:blip xmlns:r="http://schemas.openxmlformats.org/officeDocument/2006/relationships" r:embed="rId25"/>
        <a:stretch>
          <a:fillRect/>
        </a:stretch>
      </xdr:blipFill>
      <xdr:spPr>
        <a:xfrm>
          <a:off x="3032596" y="22570440"/>
          <a:ext cx="2395817" cy="2705100"/>
        </a:xfrm>
        <a:prstGeom prst="rect">
          <a:avLst/>
        </a:prstGeom>
      </xdr:spPr>
    </xdr:pic>
    <xdr:clientData/>
  </xdr:twoCellAnchor>
  <xdr:twoCellAnchor editAs="oneCell">
    <xdr:from>
      <xdr:col>13</xdr:col>
      <xdr:colOff>487680</xdr:colOff>
      <xdr:row>102</xdr:row>
      <xdr:rowOff>76200</xdr:rowOff>
    </xdr:from>
    <xdr:to>
      <xdr:col>17</xdr:col>
      <xdr:colOff>274320</xdr:colOff>
      <xdr:row>119</xdr:row>
      <xdr:rowOff>35484</xdr:rowOff>
    </xdr:to>
    <xdr:pic>
      <xdr:nvPicPr>
        <xdr:cNvPr id="27" name="Picture 26">
          <a:extLst>
            <a:ext uri="{FF2B5EF4-FFF2-40B4-BE49-F238E27FC236}">
              <a16:creationId xmlns:a16="http://schemas.microsoft.com/office/drawing/2014/main" id="{E49E0E0C-43E5-4D8B-ABDC-EB257FDB85A3}"/>
            </a:ext>
          </a:extLst>
        </xdr:cNvPr>
        <xdr:cNvPicPr>
          <a:picLocks noChangeAspect="1"/>
        </xdr:cNvPicPr>
      </xdr:nvPicPr>
      <xdr:blipFill>
        <a:blip xmlns:r="http://schemas.openxmlformats.org/officeDocument/2006/relationships" r:embed="rId26"/>
        <a:stretch>
          <a:fillRect/>
        </a:stretch>
      </xdr:blipFill>
      <xdr:spPr>
        <a:xfrm>
          <a:off x="8412480" y="19507200"/>
          <a:ext cx="2225040" cy="3197784"/>
        </a:xfrm>
        <a:prstGeom prst="rect">
          <a:avLst/>
        </a:prstGeom>
      </xdr:spPr>
    </xdr:pic>
    <xdr:clientData/>
  </xdr:twoCellAnchor>
  <xdr:twoCellAnchor editAs="oneCell">
    <xdr:from>
      <xdr:col>9</xdr:col>
      <xdr:colOff>0</xdr:colOff>
      <xdr:row>103</xdr:row>
      <xdr:rowOff>0</xdr:rowOff>
    </xdr:from>
    <xdr:to>
      <xdr:col>13</xdr:col>
      <xdr:colOff>259322</xdr:colOff>
      <xdr:row>115</xdr:row>
      <xdr:rowOff>53535</xdr:rowOff>
    </xdr:to>
    <xdr:pic>
      <xdr:nvPicPr>
        <xdr:cNvPr id="28" name="Picture 27">
          <a:extLst>
            <a:ext uri="{FF2B5EF4-FFF2-40B4-BE49-F238E27FC236}">
              <a16:creationId xmlns:a16="http://schemas.microsoft.com/office/drawing/2014/main" id="{CCD427E0-9A9B-465C-AC68-0134983C687D}"/>
            </a:ext>
          </a:extLst>
        </xdr:cNvPr>
        <xdr:cNvPicPr>
          <a:picLocks noChangeAspect="1"/>
        </xdr:cNvPicPr>
      </xdr:nvPicPr>
      <xdr:blipFill>
        <a:blip xmlns:r="http://schemas.openxmlformats.org/officeDocument/2006/relationships" r:embed="rId27"/>
        <a:stretch>
          <a:fillRect/>
        </a:stretch>
      </xdr:blipFill>
      <xdr:spPr>
        <a:xfrm>
          <a:off x="5486400" y="19621500"/>
          <a:ext cx="2697722" cy="2339535"/>
        </a:xfrm>
        <a:prstGeom prst="rect">
          <a:avLst/>
        </a:prstGeom>
      </xdr:spPr>
    </xdr:pic>
    <xdr:clientData/>
  </xdr:twoCellAnchor>
  <xdr:twoCellAnchor editAs="oneCell">
    <xdr:from>
      <xdr:col>9</xdr:col>
      <xdr:colOff>0</xdr:colOff>
      <xdr:row>116</xdr:row>
      <xdr:rowOff>0</xdr:rowOff>
    </xdr:from>
    <xdr:to>
      <xdr:col>13</xdr:col>
      <xdr:colOff>350770</xdr:colOff>
      <xdr:row>128</xdr:row>
      <xdr:rowOff>30673</xdr:rowOff>
    </xdr:to>
    <xdr:pic>
      <xdr:nvPicPr>
        <xdr:cNvPr id="29" name="Picture 28">
          <a:extLst>
            <a:ext uri="{FF2B5EF4-FFF2-40B4-BE49-F238E27FC236}">
              <a16:creationId xmlns:a16="http://schemas.microsoft.com/office/drawing/2014/main" id="{9E1AF375-3855-4AC1-9C89-C58A7FAB2C1C}"/>
            </a:ext>
          </a:extLst>
        </xdr:cNvPr>
        <xdr:cNvPicPr>
          <a:picLocks noChangeAspect="1"/>
        </xdr:cNvPicPr>
      </xdr:nvPicPr>
      <xdr:blipFill>
        <a:blip xmlns:r="http://schemas.openxmlformats.org/officeDocument/2006/relationships" r:embed="rId28"/>
        <a:stretch>
          <a:fillRect/>
        </a:stretch>
      </xdr:blipFill>
      <xdr:spPr>
        <a:xfrm>
          <a:off x="5486400" y="22098000"/>
          <a:ext cx="2789170" cy="2316673"/>
        </a:xfrm>
        <a:prstGeom prst="rect">
          <a:avLst/>
        </a:prstGeom>
      </xdr:spPr>
    </xdr:pic>
    <xdr:clientData/>
  </xdr:twoCellAnchor>
  <xdr:twoCellAnchor editAs="oneCell">
    <xdr:from>
      <xdr:col>9</xdr:col>
      <xdr:colOff>22860</xdr:colOff>
      <xdr:row>128</xdr:row>
      <xdr:rowOff>45720</xdr:rowOff>
    </xdr:from>
    <xdr:to>
      <xdr:col>13</xdr:col>
      <xdr:colOff>343147</xdr:colOff>
      <xdr:row>131</xdr:row>
      <xdr:rowOff>167698</xdr:rowOff>
    </xdr:to>
    <xdr:pic>
      <xdr:nvPicPr>
        <xdr:cNvPr id="30" name="Picture 29">
          <a:extLst>
            <a:ext uri="{FF2B5EF4-FFF2-40B4-BE49-F238E27FC236}">
              <a16:creationId xmlns:a16="http://schemas.microsoft.com/office/drawing/2014/main" id="{7E79D180-3729-429C-A0C3-1F792CFFF63E}"/>
            </a:ext>
          </a:extLst>
        </xdr:cNvPr>
        <xdr:cNvPicPr>
          <a:picLocks noChangeAspect="1"/>
        </xdr:cNvPicPr>
      </xdr:nvPicPr>
      <xdr:blipFill>
        <a:blip xmlns:r="http://schemas.openxmlformats.org/officeDocument/2006/relationships" r:embed="rId29"/>
        <a:stretch>
          <a:fillRect/>
        </a:stretch>
      </xdr:blipFill>
      <xdr:spPr>
        <a:xfrm>
          <a:off x="5509260" y="24429720"/>
          <a:ext cx="2758687" cy="693478"/>
        </a:xfrm>
        <a:prstGeom prst="rect">
          <a:avLst/>
        </a:prstGeom>
      </xdr:spPr>
    </xdr:pic>
    <xdr:clientData/>
  </xdr:twoCellAnchor>
  <xdr:twoCellAnchor editAs="oneCell">
    <xdr:from>
      <xdr:col>13</xdr:col>
      <xdr:colOff>423072</xdr:colOff>
      <xdr:row>119</xdr:row>
      <xdr:rowOff>91440</xdr:rowOff>
    </xdr:from>
    <xdr:to>
      <xdr:col>17</xdr:col>
      <xdr:colOff>556498</xdr:colOff>
      <xdr:row>134</xdr:row>
      <xdr:rowOff>122168</xdr:rowOff>
    </xdr:to>
    <xdr:pic>
      <xdr:nvPicPr>
        <xdr:cNvPr id="31" name="Picture 30">
          <a:extLst>
            <a:ext uri="{FF2B5EF4-FFF2-40B4-BE49-F238E27FC236}">
              <a16:creationId xmlns:a16="http://schemas.microsoft.com/office/drawing/2014/main" id="{8A73B52D-82A2-4C6C-AD0B-63EF318D0513}"/>
            </a:ext>
          </a:extLst>
        </xdr:cNvPr>
        <xdr:cNvPicPr>
          <a:picLocks noChangeAspect="1"/>
        </xdr:cNvPicPr>
      </xdr:nvPicPr>
      <xdr:blipFill>
        <a:blip xmlns:r="http://schemas.openxmlformats.org/officeDocument/2006/relationships" r:embed="rId30"/>
        <a:stretch>
          <a:fillRect/>
        </a:stretch>
      </xdr:blipFill>
      <xdr:spPr>
        <a:xfrm>
          <a:off x="8347872" y="22760940"/>
          <a:ext cx="2571826" cy="2888228"/>
        </a:xfrm>
        <a:prstGeom prst="rect">
          <a:avLst/>
        </a:prstGeom>
      </xdr:spPr>
    </xdr:pic>
    <xdr:clientData/>
  </xdr:twoCellAnchor>
  <xdr:twoCellAnchor editAs="oneCell">
    <xdr:from>
      <xdr:col>4</xdr:col>
      <xdr:colOff>437676</xdr:colOff>
      <xdr:row>152</xdr:row>
      <xdr:rowOff>76201</xdr:rowOff>
    </xdr:from>
    <xdr:to>
      <xdr:col>8</xdr:col>
      <xdr:colOff>561627</xdr:colOff>
      <xdr:row>166</xdr:row>
      <xdr:rowOff>59266</xdr:rowOff>
    </xdr:to>
    <xdr:pic>
      <xdr:nvPicPr>
        <xdr:cNvPr id="32" name="Picture 31">
          <a:extLst>
            <a:ext uri="{FF2B5EF4-FFF2-40B4-BE49-F238E27FC236}">
              <a16:creationId xmlns:a16="http://schemas.microsoft.com/office/drawing/2014/main" id="{DBD088F1-DDC4-4903-8784-A6EAA7F82B44}"/>
            </a:ext>
          </a:extLst>
        </xdr:cNvPr>
        <xdr:cNvPicPr>
          <a:picLocks noChangeAspect="1"/>
        </xdr:cNvPicPr>
      </xdr:nvPicPr>
      <xdr:blipFill>
        <a:blip xmlns:r="http://schemas.openxmlformats.org/officeDocument/2006/relationships" r:embed="rId31"/>
        <a:stretch>
          <a:fillRect/>
        </a:stretch>
      </xdr:blipFill>
      <xdr:spPr>
        <a:xfrm>
          <a:off x="2876076" y="29032201"/>
          <a:ext cx="2562351" cy="2650065"/>
        </a:xfrm>
        <a:prstGeom prst="rect">
          <a:avLst/>
        </a:prstGeom>
      </xdr:spPr>
    </xdr:pic>
    <xdr:clientData/>
  </xdr:twoCellAnchor>
  <xdr:twoCellAnchor editAs="oneCell">
    <xdr:from>
      <xdr:col>0</xdr:col>
      <xdr:colOff>0</xdr:colOff>
      <xdr:row>152</xdr:row>
      <xdr:rowOff>0</xdr:rowOff>
    </xdr:from>
    <xdr:to>
      <xdr:col>4</xdr:col>
      <xdr:colOff>363472</xdr:colOff>
      <xdr:row>163</xdr:row>
      <xdr:rowOff>176299</xdr:rowOff>
    </xdr:to>
    <xdr:pic>
      <xdr:nvPicPr>
        <xdr:cNvPr id="33" name="Picture 32">
          <a:extLst>
            <a:ext uri="{FF2B5EF4-FFF2-40B4-BE49-F238E27FC236}">
              <a16:creationId xmlns:a16="http://schemas.microsoft.com/office/drawing/2014/main" id="{AE8F7257-A48B-4E93-BB2A-401D626A2870}"/>
            </a:ext>
          </a:extLst>
        </xdr:cNvPr>
        <xdr:cNvPicPr>
          <a:picLocks noChangeAspect="1"/>
        </xdr:cNvPicPr>
      </xdr:nvPicPr>
      <xdr:blipFill>
        <a:blip xmlns:r="http://schemas.openxmlformats.org/officeDocument/2006/relationships" r:embed="rId32"/>
        <a:stretch>
          <a:fillRect/>
        </a:stretch>
      </xdr:blipFill>
      <xdr:spPr>
        <a:xfrm>
          <a:off x="0" y="28956000"/>
          <a:ext cx="2801872" cy="2271799"/>
        </a:xfrm>
        <a:prstGeom prst="rect">
          <a:avLst/>
        </a:prstGeom>
      </xdr:spPr>
    </xdr:pic>
    <xdr:clientData/>
  </xdr:twoCellAnchor>
  <xdr:twoCellAnchor editAs="oneCell">
    <xdr:from>
      <xdr:col>0</xdr:col>
      <xdr:colOff>0</xdr:colOff>
      <xdr:row>165</xdr:row>
      <xdr:rowOff>0</xdr:rowOff>
    </xdr:from>
    <xdr:to>
      <xdr:col>4</xdr:col>
      <xdr:colOff>302506</xdr:colOff>
      <xdr:row>176</xdr:row>
      <xdr:rowOff>107714</xdr:rowOff>
    </xdr:to>
    <xdr:pic>
      <xdr:nvPicPr>
        <xdr:cNvPr id="34" name="Picture 33">
          <a:extLst>
            <a:ext uri="{FF2B5EF4-FFF2-40B4-BE49-F238E27FC236}">
              <a16:creationId xmlns:a16="http://schemas.microsoft.com/office/drawing/2014/main" id="{7F7FC48E-727A-4240-801C-6C2909BC9DE4}"/>
            </a:ext>
          </a:extLst>
        </xdr:cNvPr>
        <xdr:cNvPicPr>
          <a:picLocks noChangeAspect="1"/>
        </xdr:cNvPicPr>
      </xdr:nvPicPr>
      <xdr:blipFill>
        <a:blip xmlns:r="http://schemas.openxmlformats.org/officeDocument/2006/relationships" r:embed="rId33"/>
        <a:stretch>
          <a:fillRect/>
        </a:stretch>
      </xdr:blipFill>
      <xdr:spPr>
        <a:xfrm>
          <a:off x="0" y="31432500"/>
          <a:ext cx="2740906" cy="2203214"/>
        </a:xfrm>
        <a:prstGeom prst="rect">
          <a:avLst/>
        </a:prstGeom>
      </xdr:spPr>
    </xdr:pic>
    <xdr:clientData/>
  </xdr:twoCellAnchor>
  <xdr:twoCellAnchor editAs="oneCell">
    <xdr:from>
      <xdr:col>0</xdr:col>
      <xdr:colOff>0</xdr:colOff>
      <xdr:row>177</xdr:row>
      <xdr:rowOff>0</xdr:rowOff>
    </xdr:from>
    <xdr:to>
      <xdr:col>4</xdr:col>
      <xdr:colOff>332989</xdr:colOff>
      <xdr:row>180</xdr:row>
      <xdr:rowOff>134680</xdr:rowOff>
    </xdr:to>
    <xdr:pic>
      <xdr:nvPicPr>
        <xdr:cNvPr id="35" name="Picture 34">
          <a:extLst>
            <a:ext uri="{FF2B5EF4-FFF2-40B4-BE49-F238E27FC236}">
              <a16:creationId xmlns:a16="http://schemas.microsoft.com/office/drawing/2014/main" id="{E8DCC51A-F137-44AF-A38D-F9862227F96D}"/>
            </a:ext>
          </a:extLst>
        </xdr:cNvPr>
        <xdr:cNvPicPr>
          <a:picLocks noChangeAspect="1"/>
        </xdr:cNvPicPr>
      </xdr:nvPicPr>
      <xdr:blipFill>
        <a:blip xmlns:r="http://schemas.openxmlformats.org/officeDocument/2006/relationships" r:embed="rId34"/>
        <a:stretch>
          <a:fillRect/>
        </a:stretch>
      </xdr:blipFill>
      <xdr:spPr>
        <a:xfrm>
          <a:off x="0" y="33718500"/>
          <a:ext cx="2771389" cy="706180"/>
        </a:xfrm>
        <a:prstGeom prst="rect">
          <a:avLst/>
        </a:prstGeom>
      </xdr:spPr>
    </xdr:pic>
    <xdr:clientData/>
  </xdr:twoCellAnchor>
  <xdr:twoCellAnchor editAs="oneCell">
    <xdr:from>
      <xdr:col>4</xdr:col>
      <xdr:colOff>381000</xdr:colOff>
      <xdr:row>167</xdr:row>
      <xdr:rowOff>76200</xdr:rowOff>
    </xdr:from>
    <xdr:to>
      <xdr:col>8</xdr:col>
      <xdr:colOff>508000</xdr:colOff>
      <xdr:row>181</xdr:row>
      <xdr:rowOff>180164</xdr:rowOff>
    </xdr:to>
    <xdr:pic>
      <xdr:nvPicPr>
        <xdr:cNvPr id="36" name="Picture 35">
          <a:extLst>
            <a:ext uri="{FF2B5EF4-FFF2-40B4-BE49-F238E27FC236}">
              <a16:creationId xmlns:a16="http://schemas.microsoft.com/office/drawing/2014/main" id="{DFACE684-27AE-484E-939B-C74C520E0D69}"/>
            </a:ext>
          </a:extLst>
        </xdr:cNvPr>
        <xdr:cNvPicPr>
          <a:picLocks noChangeAspect="1"/>
        </xdr:cNvPicPr>
      </xdr:nvPicPr>
      <xdr:blipFill>
        <a:blip xmlns:r="http://schemas.openxmlformats.org/officeDocument/2006/relationships" r:embed="rId35"/>
        <a:stretch>
          <a:fillRect/>
        </a:stretch>
      </xdr:blipFill>
      <xdr:spPr>
        <a:xfrm>
          <a:off x="2819400" y="31889700"/>
          <a:ext cx="2565400" cy="2770964"/>
        </a:xfrm>
        <a:prstGeom prst="rect">
          <a:avLst/>
        </a:prstGeom>
      </xdr:spPr>
    </xdr:pic>
    <xdr:clientData/>
  </xdr:twoCellAnchor>
  <xdr:twoCellAnchor editAs="oneCell">
    <xdr:from>
      <xdr:col>14</xdr:col>
      <xdr:colOff>129242</xdr:colOff>
      <xdr:row>152</xdr:row>
      <xdr:rowOff>8467</xdr:rowOff>
    </xdr:from>
    <xdr:to>
      <xdr:col>17</xdr:col>
      <xdr:colOff>448139</xdr:colOff>
      <xdr:row>166</xdr:row>
      <xdr:rowOff>177919</xdr:rowOff>
    </xdr:to>
    <xdr:pic>
      <xdr:nvPicPr>
        <xdr:cNvPr id="37" name="Picture 36">
          <a:extLst>
            <a:ext uri="{FF2B5EF4-FFF2-40B4-BE49-F238E27FC236}">
              <a16:creationId xmlns:a16="http://schemas.microsoft.com/office/drawing/2014/main" id="{38A41EC5-05C7-4D2A-9594-7A06EF6A5607}"/>
            </a:ext>
          </a:extLst>
        </xdr:cNvPr>
        <xdr:cNvPicPr>
          <a:picLocks noChangeAspect="1"/>
        </xdr:cNvPicPr>
      </xdr:nvPicPr>
      <xdr:blipFill>
        <a:blip xmlns:r="http://schemas.openxmlformats.org/officeDocument/2006/relationships" r:embed="rId36">
          <a:extLst>
            <a:ext uri="{28A0092B-C50C-407E-A947-70E740481C1C}">
              <a14:useLocalDpi xmlns:a14="http://schemas.microsoft.com/office/drawing/2010/main" val="0"/>
            </a:ext>
          </a:extLst>
        </a:blip>
        <a:srcRect/>
        <a:stretch/>
      </xdr:blipFill>
      <xdr:spPr>
        <a:xfrm>
          <a:off x="8663642" y="28964467"/>
          <a:ext cx="2147697" cy="2836452"/>
        </a:xfrm>
        <a:prstGeom prst="rect">
          <a:avLst/>
        </a:prstGeom>
      </xdr:spPr>
    </xdr:pic>
    <xdr:clientData/>
  </xdr:twoCellAnchor>
  <xdr:twoCellAnchor editAs="oneCell">
    <xdr:from>
      <xdr:col>9</xdr:col>
      <xdr:colOff>0</xdr:colOff>
      <xdr:row>152</xdr:row>
      <xdr:rowOff>0</xdr:rowOff>
    </xdr:from>
    <xdr:to>
      <xdr:col>13</xdr:col>
      <xdr:colOff>474133</xdr:colOff>
      <xdr:row>164</xdr:row>
      <xdr:rowOff>153358</xdr:rowOff>
    </xdr:to>
    <xdr:pic>
      <xdr:nvPicPr>
        <xdr:cNvPr id="38" name="Picture 37">
          <a:extLst>
            <a:ext uri="{FF2B5EF4-FFF2-40B4-BE49-F238E27FC236}">
              <a16:creationId xmlns:a16="http://schemas.microsoft.com/office/drawing/2014/main" id="{CC0A878F-7547-48B8-8F4A-7BA2457C08FF}"/>
            </a:ext>
          </a:extLst>
        </xdr:cNvPr>
        <xdr:cNvPicPr>
          <a:picLocks noChangeAspect="1"/>
        </xdr:cNvPicPr>
      </xdr:nvPicPr>
      <xdr:blipFill>
        <a:blip xmlns:r="http://schemas.openxmlformats.org/officeDocument/2006/relationships" r:embed="rId37"/>
        <a:stretch>
          <a:fillRect/>
        </a:stretch>
      </xdr:blipFill>
      <xdr:spPr>
        <a:xfrm>
          <a:off x="5486400" y="28956000"/>
          <a:ext cx="2912533" cy="2439358"/>
        </a:xfrm>
        <a:prstGeom prst="rect">
          <a:avLst/>
        </a:prstGeom>
      </xdr:spPr>
    </xdr:pic>
    <xdr:clientData/>
  </xdr:twoCellAnchor>
  <xdr:twoCellAnchor editAs="oneCell">
    <xdr:from>
      <xdr:col>9</xdr:col>
      <xdr:colOff>1</xdr:colOff>
      <xdr:row>165</xdr:row>
      <xdr:rowOff>1</xdr:rowOff>
    </xdr:from>
    <xdr:to>
      <xdr:col>13</xdr:col>
      <xdr:colOff>508001</xdr:colOff>
      <xdr:row>177</xdr:row>
      <xdr:rowOff>159657</xdr:rowOff>
    </xdr:to>
    <xdr:pic>
      <xdr:nvPicPr>
        <xdr:cNvPr id="39" name="Picture 38">
          <a:extLst>
            <a:ext uri="{FF2B5EF4-FFF2-40B4-BE49-F238E27FC236}">
              <a16:creationId xmlns:a16="http://schemas.microsoft.com/office/drawing/2014/main" id="{9D6D39B1-2E19-4414-BB2F-064A18FD11B1}"/>
            </a:ext>
          </a:extLst>
        </xdr:cNvPr>
        <xdr:cNvPicPr>
          <a:picLocks noChangeAspect="1"/>
        </xdr:cNvPicPr>
      </xdr:nvPicPr>
      <xdr:blipFill>
        <a:blip xmlns:r="http://schemas.openxmlformats.org/officeDocument/2006/relationships" r:embed="rId38"/>
        <a:stretch>
          <a:fillRect/>
        </a:stretch>
      </xdr:blipFill>
      <xdr:spPr>
        <a:xfrm>
          <a:off x="5486401" y="31432501"/>
          <a:ext cx="2946400" cy="2445656"/>
        </a:xfrm>
        <a:prstGeom prst="rect">
          <a:avLst/>
        </a:prstGeom>
      </xdr:spPr>
    </xdr:pic>
    <xdr:clientData/>
  </xdr:twoCellAnchor>
  <xdr:twoCellAnchor editAs="oneCell">
    <xdr:from>
      <xdr:col>9</xdr:col>
      <xdr:colOff>0</xdr:colOff>
      <xdr:row>178</xdr:row>
      <xdr:rowOff>0</xdr:rowOff>
    </xdr:from>
    <xdr:to>
      <xdr:col>13</xdr:col>
      <xdr:colOff>474518</xdr:colOff>
      <xdr:row>181</xdr:row>
      <xdr:rowOff>152400</xdr:rowOff>
    </xdr:to>
    <xdr:pic>
      <xdr:nvPicPr>
        <xdr:cNvPr id="40" name="Picture 39">
          <a:extLst>
            <a:ext uri="{FF2B5EF4-FFF2-40B4-BE49-F238E27FC236}">
              <a16:creationId xmlns:a16="http://schemas.microsoft.com/office/drawing/2014/main" id="{A82D81B8-50EA-4738-B14E-91E502F3C912}"/>
            </a:ext>
          </a:extLst>
        </xdr:cNvPr>
        <xdr:cNvPicPr>
          <a:picLocks noChangeAspect="1"/>
        </xdr:cNvPicPr>
      </xdr:nvPicPr>
      <xdr:blipFill>
        <a:blip xmlns:r="http://schemas.openxmlformats.org/officeDocument/2006/relationships" r:embed="rId39"/>
        <a:stretch>
          <a:fillRect/>
        </a:stretch>
      </xdr:blipFill>
      <xdr:spPr>
        <a:xfrm>
          <a:off x="5486400" y="33909000"/>
          <a:ext cx="2912918" cy="723900"/>
        </a:xfrm>
        <a:prstGeom prst="rect">
          <a:avLst/>
        </a:prstGeom>
      </xdr:spPr>
    </xdr:pic>
    <xdr:clientData/>
  </xdr:twoCellAnchor>
  <xdr:twoCellAnchor editAs="oneCell">
    <xdr:from>
      <xdr:col>14</xdr:col>
      <xdr:colOff>43438</xdr:colOff>
      <xdr:row>168</xdr:row>
      <xdr:rowOff>8241</xdr:rowOff>
    </xdr:from>
    <xdr:to>
      <xdr:col>17</xdr:col>
      <xdr:colOff>608495</xdr:colOff>
      <xdr:row>181</xdr:row>
      <xdr:rowOff>152623</xdr:rowOff>
    </xdr:to>
    <xdr:pic>
      <xdr:nvPicPr>
        <xdr:cNvPr id="41" name="Picture 40">
          <a:extLst>
            <a:ext uri="{FF2B5EF4-FFF2-40B4-BE49-F238E27FC236}">
              <a16:creationId xmlns:a16="http://schemas.microsoft.com/office/drawing/2014/main" id="{4A90FAF9-370E-4AB2-8094-12602BB80AE4}"/>
            </a:ext>
          </a:extLst>
        </xdr:cNvPr>
        <xdr:cNvPicPr>
          <a:picLocks noChangeAspect="1"/>
        </xdr:cNvPicPr>
      </xdr:nvPicPr>
      <xdr:blipFill>
        <a:blip xmlns:r="http://schemas.openxmlformats.org/officeDocument/2006/relationships" r:embed="rId40">
          <a:extLst>
            <a:ext uri="{28A0092B-C50C-407E-A947-70E740481C1C}">
              <a14:useLocalDpi xmlns:a14="http://schemas.microsoft.com/office/drawing/2010/main" val="0"/>
            </a:ext>
          </a:extLst>
        </a:blip>
        <a:srcRect/>
        <a:stretch/>
      </xdr:blipFill>
      <xdr:spPr>
        <a:xfrm>
          <a:off x="8577838" y="32012241"/>
          <a:ext cx="2393857" cy="2620882"/>
        </a:xfrm>
        <a:prstGeom prst="rect">
          <a:avLst/>
        </a:prstGeom>
      </xdr:spPr>
    </xdr:pic>
    <xdr:clientData/>
  </xdr:twoCellAnchor>
  <xdr:twoCellAnchor editAs="oneCell">
    <xdr:from>
      <xdr:col>5</xdr:col>
      <xdr:colOff>126335</xdr:colOff>
      <xdr:row>201</xdr:row>
      <xdr:rowOff>177799</xdr:rowOff>
    </xdr:from>
    <xdr:to>
      <xdr:col>9</xdr:col>
      <xdr:colOff>27369</xdr:colOff>
      <xdr:row>219</xdr:row>
      <xdr:rowOff>101123</xdr:rowOff>
    </xdr:to>
    <xdr:pic>
      <xdr:nvPicPr>
        <xdr:cNvPr id="42" name="Picture 41">
          <a:extLst>
            <a:ext uri="{FF2B5EF4-FFF2-40B4-BE49-F238E27FC236}">
              <a16:creationId xmlns:a16="http://schemas.microsoft.com/office/drawing/2014/main" id="{21685AF0-4068-4E6A-AF45-73B00F679E38}"/>
            </a:ext>
          </a:extLst>
        </xdr:cNvPr>
        <xdr:cNvPicPr>
          <a:picLocks noChangeAspect="1"/>
        </xdr:cNvPicPr>
      </xdr:nvPicPr>
      <xdr:blipFill>
        <a:blip xmlns:r="http://schemas.openxmlformats.org/officeDocument/2006/relationships" r:embed="rId41"/>
        <a:stretch>
          <a:fillRect/>
        </a:stretch>
      </xdr:blipFill>
      <xdr:spPr>
        <a:xfrm>
          <a:off x="3174335" y="38468299"/>
          <a:ext cx="2339434" cy="3352324"/>
        </a:xfrm>
        <a:prstGeom prst="rect">
          <a:avLst/>
        </a:prstGeom>
      </xdr:spPr>
    </xdr:pic>
    <xdr:clientData/>
  </xdr:twoCellAnchor>
  <xdr:twoCellAnchor editAs="oneCell">
    <xdr:from>
      <xdr:col>0</xdr:col>
      <xdr:colOff>0</xdr:colOff>
      <xdr:row>202</xdr:row>
      <xdr:rowOff>0</xdr:rowOff>
    </xdr:from>
    <xdr:to>
      <xdr:col>4</xdr:col>
      <xdr:colOff>287265</xdr:colOff>
      <xdr:row>214</xdr:row>
      <xdr:rowOff>28136</xdr:rowOff>
    </xdr:to>
    <xdr:pic>
      <xdr:nvPicPr>
        <xdr:cNvPr id="43" name="Picture 42">
          <a:extLst>
            <a:ext uri="{FF2B5EF4-FFF2-40B4-BE49-F238E27FC236}">
              <a16:creationId xmlns:a16="http://schemas.microsoft.com/office/drawing/2014/main" id="{30EAB458-013C-4517-A9EA-ADDF6A178D65}"/>
            </a:ext>
          </a:extLst>
        </xdr:cNvPr>
        <xdr:cNvPicPr>
          <a:picLocks noChangeAspect="1"/>
        </xdr:cNvPicPr>
      </xdr:nvPicPr>
      <xdr:blipFill>
        <a:blip xmlns:r="http://schemas.openxmlformats.org/officeDocument/2006/relationships" r:embed="rId42"/>
        <a:stretch>
          <a:fillRect/>
        </a:stretch>
      </xdr:blipFill>
      <xdr:spPr>
        <a:xfrm>
          <a:off x="0" y="38481000"/>
          <a:ext cx="2725665" cy="2314136"/>
        </a:xfrm>
        <a:prstGeom prst="rect">
          <a:avLst/>
        </a:prstGeom>
      </xdr:spPr>
    </xdr:pic>
    <xdr:clientData/>
  </xdr:twoCellAnchor>
  <xdr:twoCellAnchor editAs="oneCell">
    <xdr:from>
      <xdr:col>0</xdr:col>
      <xdr:colOff>0</xdr:colOff>
      <xdr:row>215</xdr:row>
      <xdr:rowOff>0</xdr:rowOff>
    </xdr:from>
    <xdr:to>
      <xdr:col>4</xdr:col>
      <xdr:colOff>310127</xdr:colOff>
      <xdr:row>226</xdr:row>
      <xdr:rowOff>145816</xdr:rowOff>
    </xdr:to>
    <xdr:pic>
      <xdr:nvPicPr>
        <xdr:cNvPr id="44" name="Picture 43">
          <a:extLst>
            <a:ext uri="{FF2B5EF4-FFF2-40B4-BE49-F238E27FC236}">
              <a16:creationId xmlns:a16="http://schemas.microsoft.com/office/drawing/2014/main" id="{D239CA21-961E-4583-82B2-FB1E12914E3D}"/>
            </a:ext>
          </a:extLst>
        </xdr:cNvPr>
        <xdr:cNvPicPr>
          <a:picLocks noChangeAspect="1"/>
        </xdr:cNvPicPr>
      </xdr:nvPicPr>
      <xdr:blipFill>
        <a:blip xmlns:r="http://schemas.openxmlformats.org/officeDocument/2006/relationships" r:embed="rId43"/>
        <a:stretch>
          <a:fillRect/>
        </a:stretch>
      </xdr:blipFill>
      <xdr:spPr>
        <a:xfrm>
          <a:off x="0" y="40957500"/>
          <a:ext cx="2748527" cy="2241316"/>
        </a:xfrm>
        <a:prstGeom prst="rect">
          <a:avLst/>
        </a:prstGeom>
      </xdr:spPr>
    </xdr:pic>
    <xdr:clientData/>
  </xdr:twoCellAnchor>
  <xdr:twoCellAnchor editAs="oneCell">
    <xdr:from>
      <xdr:col>0</xdr:col>
      <xdr:colOff>0</xdr:colOff>
      <xdr:row>228</xdr:row>
      <xdr:rowOff>0</xdr:rowOff>
    </xdr:from>
    <xdr:to>
      <xdr:col>4</xdr:col>
      <xdr:colOff>287265</xdr:colOff>
      <xdr:row>231</xdr:row>
      <xdr:rowOff>142301</xdr:rowOff>
    </xdr:to>
    <xdr:pic>
      <xdr:nvPicPr>
        <xdr:cNvPr id="45" name="Picture 44">
          <a:extLst>
            <a:ext uri="{FF2B5EF4-FFF2-40B4-BE49-F238E27FC236}">
              <a16:creationId xmlns:a16="http://schemas.microsoft.com/office/drawing/2014/main" id="{49F741DB-874A-4FEB-A84E-6D33858CB6D7}"/>
            </a:ext>
          </a:extLst>
        </xdr:cNvPr>
        <xdr:cNvPicPr>
          <a:picLocks noChangeAspect="1"/>
        </xdr:cNvPicPr>
      </xdr:nvPicPr>
      <xdr:blipFill>
        <a:blip xmlns:r="http://schemas.openxmlformats.org/officeDocument/2006/relationships" r:embed="rId44"/>
        <a:stretch>
          <a:fillRect/>
        </a:stretch>
      </xdr:blipFill>
      <xdr:spPr>
        <a:xfrm>
          <a:off x="0" y="43434000"/>
          <a:ext cx="2725665" cy="713801"/>
        </a:xfrm>
        <a:prstGeom prst="rect">
          <a:avLst/>
        </a:prstGeom>
      </xdr:spPr>
    </xdr:pic>
    <xdr:clientData/>
  </xdr:twoCellAnchor>
  <xdr:twoCellAnchor editAs="oneCell">
    <xdr:from>
      <xdr:col>4</xdr:col>
      <xdr:colOff>372534</xdr:colOff>
      <xdr:row>220</xdr:row>
      <xdr:rowOff>59266</xdr:rowOff>
    </xdr:from>
    <xdr:to>
      <xdr:col>8</xdr:col>
      <xdr:colOff>530248</xdr:colOff>
      <xdr:row>235</xdr:row>
      <xdr:rowOff>31566</xdr:rowOff>
    </xdr:to>
    <xdr:pic>
      <xdr:nvPicPr>
        <xdr:cNvPr id="46" name="Picture 45">
          <a:extLst>
            <a:ext uri="{FF2B5EF4-FFF2-40B4-BE49-F238E27FC236}">
              <a16:creationId xmlns:a16="http://schemas.microsoft.com/office/drawing/2014/main" id="{0B2A5014-0437-4CF2-A72F-461104AE0AF4}"/>
            </a:ext>
          </a:extLst>
        </xdr:cNvPr>
        <xdr:cNvPicPr>
          <a:picLocks noChangeAspect="1"/>
        </xdr:cNvPicPr>
      </xdr:nvPicPr>
      <xdr:blipFill>
        <a:blip xmlns:r="http://schemas.openxmlformats.org/officeDocument/2006/relationships" r:embed="rId45"/>
        <a:stretch>
          <a:fillRect/>
        </a:stretch>
      </xdr:blipFill>
      <xdr:spPr>
        <a:xfrm>
          <a:off x="2810934" y="41969266"/>
          <a:ext cx="2596114" cy="2829800"/>
        </a:xfrm>
        <a:prstGeom prst="rect">
          <a:avLst/>
        </a:prstGeom>
      </xdr:spPr>
    </xdr:pic>
    <xdr:clientData/>
  </xdr:twoCellAnchor>
  <xdr:twoCellAnchor editAs="oneCell">
    <xdr:from>
      <xdr:col>13</xdr:col>
      <xdr:colOff>344312</xdr:colOff>
      <xdr:row>202</xdr:row>
      <xdr:rowOff>8467</xdr:rowOff>
    </xdr:from>
    <xdr:to>
      <xdr:col>18</xdr:col>
      <xdr:colOff>277</xdr:colOff>
      <xdr:row>222</xdr:row>
      <xdr:rowOff>10528</xdr:rowOff>
    </xdr:to>
    <xdr:pic>
      <xdr:nvPicPr>
        <xdr:cNvPr id="47" name="Picture 46">
          <a:extLst>
            <a:ext uri="{FF2B5EF4-FFF2-40B4-BE49-F238E27FC236}">
              <a16:creationId xmlns:a16="http://schemas.microsoft.com/office/drawing/2014/main" id="{673107B7-900E-43F1-A9B2-0D56243810A4}"/>
            </a:ext>
          </a:extLst>
        </xdr:cNvPr>
        <xdr:cNvPicPr>
          <a:picLocks noChangeAspect="1"/>
        </xdr:cNvPicPr>
      </xdr:nvPicPr>
      <xdr:blipFill>
        <a:blip xmlns:r="http://schemas.openxmlformats.org/officeDocument/2006/relationships" r:embed="rId46"/>
        <a:stretch>
          <a:fillRect/>
        </a:stretch>
      </xdr:blipFill>
      <xdr:spPr>
        <a:xfrm>
          <a:off x="8269112" y="38489467"/>
          <a:ext cx="2703965" cy="3812061"/>
        </a:xfrm>
        <a:prstGeom prst="rect">
          <a:avLst/>
        </a:prstGeom>
      </xdr:spPr>
    </xdr:pic>
    <xdr:clientData/>
  </xdr:twoCellAnchor>
  <xdr:twoCellAnchor editAs="oneCell">
    <xdr:from>
      <xdr:col>9</xdr:col>
      <xdr:colOff>0</xdr:colOff>
      <xdr:row>202</xdr:row>
      <xdr:rowOff>0</xdr:rowOff>
    </xdr:from>
    <xdr:to>
      <xdr:col>13</xdr:col>
      <xdr:colOff>294886</xdr:colOff>
      <xdr:row>213</xdr:row>
      <xdr:rowOff>183920</xdr:rowOff>
    </xdr:to>
    <xdr:pic>
      <xdr:nvPicPr>
        <xdr:cNvPr id="48" name="Picture 47">
          <a:extLst>
            <a:ext uri="{FF2B5EF4-FFF2-40B4-BE49-F238E27FC236}">
              <a16:creationId xmlns:a16="http://schemas.microsoft.com/office/drawing/2014/main" id="{9C2287FA-C520-473F-A58E-7AFE3F02791D}"/>
            </a:ext>
          </a:extLst>
        </xdr:cNvPr>
        <xdr:cNvPicPr>
          <a:picLocks noChangeAspect="1"/>
        </xdr:cNvPicPr>
      </xdr:nvPicPr>
      <xdr:blipFill>
        <a:blip xmlns:r="http://schemas.openxmlformats.org/officeDocument/2006/relationships" r:embed="rId47"/>
        <a:stretch>
          <a:fillRect/>
        </a:stretch>
      </xdr:blipFill>
      <xdr:spPr>
        <a:xfrm>
          <a:off x="5486400" y="38481000"/>
          <a:ext cx="2733286" cy="2279420"/>
        </a:xfrm>
        <a:prstGeom prst="rect">
          <a:avLst/>
        </a:prstGeom>
      </xdr:spPr>
    </xdr:pic>
    <xdr:clientData/>
  </xdr:twoCellAnchor>
  <xdr:twoCellAnchor editAs="oneCell">
    <xdr:from>
      <xdr:col>9</xdr:col>
      <xdr:colOff>0</xdr:colOff>
      <xdr:row>215</xdr:row>
      <xdr:rowOff>0</xdr:rowOff>
    </xdr:from>
    <xdr:to>
      <xdr:col>13</xdr:col>
      <xdr:colOff>325368</xdr:colOff>
      <xdr:row>226</xdr:row>
      <xdr:rowOff>183919</xdr:rowOff>
    </xdr:to>
    <xdr:pic>
      <xdr:nvPicPr>
        <xdr:cNvPr id="49" name="Picture 48">
          <a:extLst>
            <a:ext uri="{FF2B5EF4-FFF2-40B4-BE49-F238E27FC236}">
              <a16:creationId xmlns:a16="http://schemas.microsoft.com/office/drawing/2014/main" id="{65EEC106-585E-4784-8E14-AF5821BFECFB}"/>
            </a:ext>
          </a:extLst>
        </xdr:cNvPr>
        <xdr:cNvPicPr>
          <a:picLocks noChangeAspect="1"/>
        </xdr:cNvPicPr>
      </xdr:nvPicPr>
      <xdr:blipFill>
        <a:blip xmlns:r="http://schemas.openxmlformats.org/officeDocument/2006/relationships" r:embed="rId48"/>
        <a:stretch>
          <a:fillRect/>
        </a:stretch>
      </xdr:blipFill>
      <xdr:spPr>
        <a:xfrm>
          <a:off x="5486400" y="40957500"/>
          <a:ext cx="2763768" cy="2279419"/>
        </a:xfrm>
        <a:prstGeom prst="rect">
          <a:avLst/>
        </a:prstGeom>
      </xdr:spPr>
    </xdr:pic>
    <xdr:clientData/>
  </xdr:twoCellAnchor>
  <xdr:twoCellAnchor editAs="oneCell">
    <xdr:from>
      <xdr:col>9</xdr:col>
      <xdr:colOff>0</xdr:colOff>
      <xdr:row>227</xdr:row>
      <xdr:rowOff>0</xdr:rowOff>
    </xdr:from>
    <xdr:to>
      <xdr:col>13</xdr:col>
      <xdr:colOff>325368</xdr:colOff>
      <xdr:row>230</xdr:row>
      <xdr:rowOff>127059</xdr:rowOff>
    </xdr:to>
    <xdr:pic>
      <xdr:nvPicPr>
        <xdr:cNvPr id="50" name="Picture 49">
          <a:extLst>
            <a:ext uri="{FF2B5EF4-FFF2-40B4-BE49-F238E27FC236}">
              <a16:creationId xmlns:a16="http://schemas.microsoft.com/office/drawing/2014/main" id="{5D43AAA7-5CEA-4FC3-96F2-F45AA896EB87}"/>
            </a:ext>
          </a:extLst>
        </xdr:cNvPr>
        <xdr:cNvPicPr>
          <a:picLocks noChangeAspect="1"/>
        </xdr:cNvPicPr>
      </xdr:nvPicPr>
      <xdr:blipFill>
        <a:blip xmlns:r="http://schemas.openxmlformats.org/officeDocument/2006/relationships" r:embed="rId49"/>
        <a:stretch>
          <a:fillRect/>
        </a:stretch>
      </xdr:blipFill>
      <xdr:spPr>
        <a:xfrm>
          <a:off x="5486400" y="43243500"/>
          <a:ext cx="2763768" cy="698559"/>
        </a:xfrm>
        <a:prstGeom prst="rect">
          <a:avLst/>
        </a:prstGeom>
      </xdr:spPr>
    </xdr:pic>
    <xdr:clientData/>
  </xdr:twoCellAnchor>
  <xdr:twoCellAnchor editAs="oneCell">
    <xdr:from>
      <xdr:col>13</xdr:col>
      <xdr:colOff>330200</xdr:colOff>
      <xdr:row>222</xdr:row>
      <xdr:rowOff>143934</xdr:rowOff>
    </xdr:from>
    <xdr:to>
      <xdr:col>17</xdr:col>
      <xdr:colOff>495534</xdr:colOff>
      <xdr:row>237</xdr:row>
      <xdr:rowOff>93372</xdr:rowOff>
    </xdr:to>
    <xdr:pic>
      <xdr:nvPicPr>
        <xdr:cNvPr id="51" name="Picture 50">
          <a:extLst>
            <a:ext uri="{FF2B5EF4-FFF2-40B4-BE49-F238E27FC236}">
              <a16:creationId xmlns:a16="http://schemas.microsoft.com/office/drawing/2014/main" id="{B2B4B564-E656-42D4-AE08-9752EDE1E3FE}"/>
            </a:ext>
          </a:extLst>
        </xdr:cNvPr>
        <xdr:cNvPicPr>
          <a:picLocks noChangeAspect="1"/>
        </xdr:cNvPicPr>
      </xdr:nvPicPr>
      <xdr:blipFill>
        <a:blip xmlns:r="http://schemas.openxmlformats.org/officeDocument/2006/relationships" r:embed="rId50"/>
        <a:stretch>
          <a:fillRect/>
        </a:stretch>
      </xdr:blipFill>
      <xdr:spPr>
        <a:xfrm>
          <a:off x="8255000" y="42434934"/>
          <a:ext cx="2603734" cy="2806938"/>
        </a:xfrm>
        <a:prstGeom prst="rect">
          <a:avLst/>
        </a:prstGeom>
      </xdr:spPr>
    </xdr:pic>
    <xdr:clientData/>
  </xdr:twoCellAnchor>
  <xdr:twoCellAnchor editAs="oneCell">
    <xdr:from>
      <xdr:col>4</xdr:col>
      <xdr:colOff>440267</xdr:colOff>
      <xdr:row>252</xdr:row>
      <xdr:rowOff>186266</xdr:rowOff>
    </xdr:from>
    <xdr:to>
      <xdr:col>9</xdr:col>
      <xdr:colOff>3622</xdr:colOff>
      <xdr:row>274</xdr:row>
      <xdr:rowOff>112108</xdr:rowOff>
    </xdr:to>
    <xdr:pic>
      <xdr:nvPicPr>
        <xdr:cNvPr id="52" name="Picture 51">
          <a:extLst>
            <a:ext uri="{FF2B5EF4-FFF2-40B4-BE49-F238E27FC236}">
              <a16:creationId xmlns:a16="http://schemas.microsoft.com/office/drawing/2014/main" id="{F16742E1-9AF7-47CF-8EAB-D5C75381C942}"/>
            </a:ext>
          </a:extLst>
        </xdr:cNvPr>
        <xdr:cNvPicPr>
          <a:picLocks noChangeAspect="1"/>
        </xdr:cNvPicPr>
      </xdr:nvPicPr>
      <xdr:blipFill>
        <a:blip xmlns:r="http://schemas.openxmlformats.org/officeDocument/2006/relationships" r:embed="rId51"/>
        <a:stretch>
          <a:fillRect/>
        </a:stretch>
      </xdr:blipFill>
      <xdr:spPr>
        <a:xfrm>
          <a:off x="2878667" y="48192266"/>
          <a:ext cx="2611355" cy="4116842"/>
        </a:xfrm>
        <a:prstGeom prst="rect">
          <a:avLst/>
        </a:prstGeom>
      </xdr:spPr>
    </xdr:pic>
    <xdr:clientData/>
  </xdr:twoCellAnchor>
  <xdr:twoCellAnchor editAs="oneCell">
    <xdr:from>
      <xdr:col>0</xdr:col>
      <xdr:colOff>0</xdr:colOff>
      <xdr:row>253</xdr:row>
      <xdr:rowOff>0</xdr:rowOff>
    </xdr:from>
    <xdr:to>
      <xdr:col>4</xdr:col>
      <xdr:colOff>355851</xdr:colOff>
      <xdr:row>265</xdr:row>
      <xdr:rowOff>50998</xdr:rowOff>
    </xdr:to>
    <xdr:pic>
      <xdr:nvPicPr>
        <xdr:cNvPr id="53" name="Picture 52">
          <a:extLst>
            <a:ext uri="{FF2B5EF4-FFF2-40B4-BE49-F238E27FC236}">
              <a16:creationId xmlns:a16="http://schemas.microsoft.com/office/drawing/2014/main" id="{09F74691-A799-4284-B45D-898C298E46D0}"/>
            </a:ext>
          </a:extLst>
        </xdr:cNvPr>
        <xdr:cNvPicPr>
          <a:picLocks noChangeAspect="1"/>
        </xdr:cNvPicPr>
      </xdr:nvPicPr>
      <xdr:blipFill>
        <a:blip xmlns:r="http://schemas.openxmlformats.org/officeDocument/2006/relationships" r:embed="rId52"/>
        <a:stretch>
          <a:fillRect/>
        </a:stretch>
      </xdr:blipFill>
      <xdr:spPr>
        <a:xfrm>
          <a:off x="0" y="48196500"/>
          <a:ext cx="2794251" cy="2336998"/>
        </a:xfrm>
        <a:prstGeom prst="rect">
          <a:avLst/>
        </a:prstGeom>
      </xdr:spPr>
    </xdr:pic>
    <xdr:clientData/>
  </xdr:twoCellAnchor>
  <xdr:twoCellAnchor editAs="oneCell">
    <xdr:from>
      <xdr:col>0</xdr:col>
      <xdr:colOff>0</xdr:colOff>
      <xdr:row>266</xdr:row>
      <xdr:rowOff>0</xdr:rowOff>
    </xdr:from>
    <xdr:to>
      <xdr:col>4</xdr:col>
      <xdr:colOff>294886</xdr:colOff>
      <xdr:row>277</xdr:row>
      <xdr:rowOff>176299</xdr:rowOff>
    </xdr:to>
    <xdr:pic>
      <xdr:nvPicPr>
        <xdr:cNvPr id="54" name="Picture 53">
          <a:extLst>
            <a:ext uri="{FF2B5EF4-FFF2-40B4-BE49-F238E27FC236}">
              <a16:creationId xmlns:a16="http://schemas.microsoft.com/office/drawing/2014/main" id="{A6B10722-A790-4C8B-A51E-B890C6A6A16E}"/>
            </a:ext>
          </a:extLst>
        </xdr:cNvPr>
        <xdr:cNvPicPr>
          <a:picLocks noChangeAspect="1"/>
        </xdr:cNvPicPr>
      </xdr:nvPicPr>
      <xdr:blipFill>
        <a:blip xmlns:r="http://schemas.openxmlformats.org/officeDocument/2006/relationships" r:embed="rId53"/>
        <a:stretch>
          <a:fillRect/>
        </a:stretch>
      </xdr:blipFill>
      <xdr:spPr>
        <a:xfrm>
          <a:off x="0" y="50673000"/>
          <a:ext cx="2733286" cy="2271799"/>
        </a:xfrm>
        <a:prstGeom prst="rect">
          <a:avLst/>
        </a:prstGeom>
      </xdr:spPr>
    </xdr:pic>
    <xdr:clientData/>
  </xdr:twoCellAnchor>
  <xdr:twoCellAnchor editAs="oneCell">
    <xdr:from>
      <xdr:col>0</xdr:col>
      <xdr:colOff>0</xdr:colOff>
      <xdr:row>279</xdr:row>
      <xdr:rowOff>0</xdr:rowOff>
    </xdr:from>
    <xdr:to>
      <xdr:col>4</xdr:col>
      <xdr:colOff>287265</xdr:colOff>
      <xdr:row>282</xdr:row>
      <xdr:rowOff>119439</xdr:rowOff>
    </xdr:to>
    <xdr:pic>
      <xdr:nvPicPr>
        <xdr:cNvPr id="55" name="Picture 54">
          <a:extLst>
            <a:ext uri="{FF2B5EF4-FFF2-40B4-BE49-F238E27FC236}">
              <a16:creationId xmlns:a16="http://schemas.microsoft.com/office/drawing/2014/main" id="{A56E635B-5E0A-4457-BAD2-FB81291D7FDF}"/>
            </a:ext>
          </a:extLst>
        </xdr:cNvPr>
        <xdr:cNvPicPr>
          <a:picLocks noChangeAspect="1"/>
        </xdr:cNvPicPr>
      </xdr:nvPicPr>
      <xdr:blipFill>
        <a:blip xmlns:r="http://schemas.openxmlformats.org/officeDocument/2006/relationships" r:embed="rId54"/>
        <a:stretch>
          <a:fillRect/>
        </a:stretch>
      </xdr:blipFill>
      <xdr:spPr>
        <a:xfrm>
          <a:off x="0" y="53149500"/>
          <a:ext cx="2725665" cy="690939"/>
        </a:xfrm>
        <a:prstGeom prst="rect">
          <a:avLst/>
        </a:prstGeom>
      </xdr:spPr>
    </xdr:pic>
    <xdr:clientData/>
  </xdr:twoCellAnchor>
  <xdr:twoCellAnchor editAs="oneCell">
    <xdr:from>
      <xdr:col>4</xdr:col>
      <xdr:colOff>389467</xdr:colOff>
      <xdr:row>274</xdr:row>
      <xdr:rowOff>177800</xdr:rowOff>
    </xdr:from>
    <xdr:to>
      <xdr:col>8</xdr:col>
      <xdr:colOff>585284</xdr:colOff>
      <xdr:row>290</xdr:row>
      <xdr:rowOff>24799</xdr:rowOff>
    </xdr:to>
    <xdr:pic>
      <xdr:nvPicPr>
        <xdr:cNvPr id="56" name="Picture 55">
          <a:extLst>
            <a:ext uri="{FF2B5EF4-FFF2-40B4-BE49-F238E27FC236}">
              <a16:creationId xmlns:a16="http://schemas.microsoft.com/office/drawing/2014/main" id="{520387E9-CE26-4147-8456-8E74E49E1B67}"/>
            </a:ext>
          </a:extLst>
        </xdr:cNvPr>
        <xdr:cNvPicPr>
          <a:picLocks noChangeAspect="1"/>
        </xdr:cNvPicPr>
      </xdr:nvPicPr>
      <xdr:blipFill>
        <a:blip xmlns:r="http://schemas.openxmlformats.org/officeDocument/2006/relationships" r:embed="rId55"/>
        <a:stretch>
          <a:fillRect/>
        </a:stretch>
      </xdr:blipFill>
      <xdr:spPr>
        <a:xfrm>
          <a:off x="2827867" y="52374800"/>
          <a:ext cx="2634217" cy="2894999"/>
        </a:xfrm>
        <a:prstGeom prst="rect">
          <a:avLst/>
        </a:prstGeom>
      </xdr:spPr>
    </xdr:pic>
    <xdr:clientData/>
  </xdr:twoCellAnchor>
  <xdr:twoCellAnchor editAs="oneCell">
    <xdr:from>
      <xdr:col>13</xdr:col>
      <xdr:colOff>369055</xdr:colOff>
      <xdr:row>253</xdr:row>
      <xdr:rowOff>33866</xdr:rowOff>
    </xdr:from>
    <xdr:to>
      <xdr:col>17</xdr:col>
      <xdr:colOff>549752</xdr:colOff>
      <xdr:row>276</xdr:row>
      <xdr:rowOff>10575</xdr:rowOff>
    </xdr:to>
    <xdr:pic>
      <xdr:nvPicPr>
        <xdr:cNvPr id="57" name="Picture 56">
          <a:extLst>
            <a:ext uri="{FF2B5EF4-FFF2-40B4-BE49-F238E27FC236}">
              <a16:creationId xmlns:a16="http://schemas.microsoft.com/office/drawing/2014/main" id="{F8643AB9-E63A-4EF4-BE95-26BAECC968EA}"/>
            </a:ext>
          </a:extLst>
        </xdr:cNvPr>
        <xdr:cNvPicPr>
          <a:picLocks noChangeAspect="1"/>
        </xdr:cNvPicPr>
      </xdr:nvPicPr>
      <xdr:blipFill>
        <a:blip xmlns:r="http://schemas.openxmlformats.org/officeDocument/2006/relationships" r:embed="rId56"/>
        <a:stretch>
          <a:fillRect/>
        </a:stretch>
      </xdr:blipFill>
      <xdr:spPr>
        <a:xfrm>
          <a:off x="8293855" y="48230366"/>
          <a:ext cx="2619097" cy="4358209"/>
        </a:xfrm>
        <a:prstGeom prst="rect">
          <a:avLst/>
        </a:prstGeom>
      </xdr:spPr>
    </xdr:pic>
    <xdr:clientData/>
  </xdr:twoCellAnchor>
  <xdr:twoCellAnchor editAs="oneCell">
    <xdr:from>
      <xdr:col>9</xdr:col>
      <xdr:colOff>0</xdr:colOff>
      <xdr:row>253</xdr:row>
      <xdr:rowOff>0</xdr:rowOff>
    </xdr:from>
    <xdr:to>
      <xdr:col>13</xdr:col>
      <xdr:colOff>325368</xdr:colOff>
      <xdr:row>265</xdr:row>
      <xdr:rowOff>5274</xdr:rowOff>
    </xdr:to>
    <xdr:pic>
      <xdr:nvPicPr>
        <xdr:cNvPr id="58" name="Picture 57">
          <a:extLst>
            <a:ext uri="{FF2B5EF4-FFF2-40B4-BE49-F238E27FC236}">
              <a16:creationId xmlns:a16="http://schemas.microsoft.com/office/drawing/2014/main" id="{D935F8A2-2431-4FE8-A938-3BB95A3FB89E}"/>
            </a:ext>
          </a:extLst>
        </xdr:cNvPr>
        <xdr:cNvPicPr>
          <a:picLocks noChangeAspect="1"/>
        </xdr:cNvPicPr>
      </xdr:nvPicPr>
      <xdr:blipFill>
        <a:blip xmlns:r="http://schemas.openxmlformats.org/officeDocument/2006/relationships" r:embed="rId57"/>
        <a:stretch>
          <a:fillRect/>
        </a:stretch>
      </xdr:blipFill>
      <xdr:spPr>
        <a:xfrm>
          <a:off x="5486400" y="48196500"/>
          <a:ext cx="2763768" cy="2291274"/>
        </a:xfrm>
        <a:prstGeom prst="rect">
          <a:avLst/>
        </a:prstGeom>
      </xdr:spPr>
    </xdr:pic>
    <xdr:clientData/>
  </xdr:twoCellAnchor>
  <xdr:twoCellAnchor editAs="oneCell">
    <xdr:from>
      <xdr:col>9</xdr:col>
      <xdr:colOff>0</xdr:colOff>
      <xdr:row>266</xdr:row>
      <xdr:rowOff>0</xdr:rowOff>
    </xdr:from>
    <xdr:to>
      <xdr:col>13</xdr:col>
      <xdr:colOff>317748</xdr:colOff>
      <xdr:row>277</xdr:row>
      <xdr:rowOff>176299</xdr:rowOff>
    </xdr:to>
    <xdr:pic>
      <xdr:nvPicPr>
        <xdr:cNvPr id="59" name="Picture 58">
          <a:extLst>
            <a:ext uri="{FF2B5EF4-FFF2-40B4-BE49-F238E27FC236}">
              <a16:creationId xmlns:a16="http://schemas.microsoft.com/office/drawing/2014/main" id="{A95870A1-612D-4F89-BF2C-F1F21700457F}"/>
            </a:ext>
          </a:extLst>
        </xdr:cNvPr>
        <xdr:cNvPicPr>
          <a:picLocks noChangeAspect="1"/>
        </xdr:cNvPicPr>
      </xdr:nvPicPr>
      <xdr:blipFill>
        <a:blip xmlns:r="http://schemas.openxmlformats.org/officeDocument/2006/relationships" r:embed="rId58"/>
        <a:stretch>
          <a:fillRect/>
        </a:stretch>
      </xdr:blipFill>
      <xdr:spPr>
        <a:xfrm>
          <a:off x="5486400" y="50673000"/>
          <a:ext cx="2756148" cy="2271799"/>
        </a:xfrm>
        <a:prstGeom prst="rect">
          <a:avLst/>
        </a:prstGeom>
      </xdr:spPr>
    </xdr:pic>
    <xdr:clientData/>
  </xdr:twoCellAnchor>
  <xdr:twoCellAnchor editAs="oneCell">
    <xdr:from>
      <xdr:col>9</xdr:col>
      <xdr:colOff>8467</xdr:colOff>
      <xdr:row>278</xdr:row>
      <xdr:rowOff>76200</xdr:rowOff>
    </xdr:from>
    <xdr:to>
      <xdr:col>13</xdr:col>
      <xdr:colOff>318594</xdr:colOff>
      <xdr:row>282</xdr:row>
      <xdr:rowOff>1751</xdr:rowOff>
    </xdr:to>
    <xdr:pic>
      <xdr:nvPicPr>
        <xdr:cNvPr id="60" name="Picture 59">
          <a:extLst>
            <a:ext uri="{FF2B5EF4-FFF2-40B4-BE49-F238E27FC236}">
              <a16:creationId xmlns:a16="http://schemas.microsoft.com/office/drawing/2014/main" id="{B3C92F28-8075-485B-8AAB-349397391629}"/>
            </a:ext>
          </a:extLst>
        </xdr:cNvPr>
        <xdr:cNvPicPr>
          <a:picLocks noChangeAspect="1"/>
        </xdr:cNvPicPr>
      </xdr:nvPicPr>
      <xdr:blipFill>
        <a:blip xmlns:r="http://schemas.openxmlformats.org/officeDocument/2006/relationships" r:embed="rId59"/>
        <a:stretch>
          <a:fillRect/>
        </a:stretch>
      </xdr:blipFill>
      <xdr:spPr>
        <a:xfrm>
          <a:off x="5494867" y="53035200"/>
          <a:ext cx="2748527" cy="687551"/>
        </a:xfrm>
        <a:prstGeom prst="rect">
          <a:avLst/>
        </a:prstGeom>
      </xdr:spPr>
    </xdr:pic>
    <xdr:clientData/>
  </xdr:twoCellAnchor>
  <xdr:twoCellAnchor editAs="oneCell">
    <xdr:from>
      <xdr:col>13</xdr:col>
      <xdr:colOff>414866</xdr:colOff>
      <xdr:row>277</xdr:row>
      <xdr:rowOff>118533</xdr:rowOff>
    </xdr:from>
    <xdr:to>
      <xdr:col>17</xdr:col>
      <xdr:colOff>564959</xdr:colOff>
      <xdr:row>292</xdr:row>
      <xdr:rowOff>167039</xdr:rowOff>
    </xdr:to>
    <xdr:pic>
      <xdr:nvPicPr>
        <xdr:cNvPr id="61" name="Picture 60">
          <a:extLst>
            <a:ext uri="{FF2B5EF4-FFF2-40B4-BE49-F238E27FC236}">
              <a16:creationId xmlns:a16="http://schemas.microsoft.com/office/drawing/2014/main" id="{38DB5963-FEC2-44B7-A879-600196E742BA}"/>
            </a:ext>
          </a:extLst>
        </xdr:cNvPr>
        <xdr:cNvPicPr>
          <a:picLocks noChangeAspect="1"/>
        </xdr:cNvPicPr>
      </xdr:nvPicPr>
      <xdr:blipFill>
        <a:blip xmlns:r="http://schemas.openxmlformats.org/officeDocument/2006/relationships" r:embed="rId60"/>
        <a:stretch>
          <a:fillRect/>
        </a:stretch>
      </xdr:blipFill>
      <xdr:spPr>
        <a:xfrm>
          <a:off x="8339666" y="52887033"/>
          <a:ext cx="2588493" cy="2906006"/>
        </a:xfrm>
        <a:prstGeom prst="rect">
          <a:avLst/>
        </a:prstGeom>
      </xdr:spPr>
    </xdr:pic>
    <xdr:clientData/>
  </xdr:twoCellAnchor>
  <xdr:twoCellAnchor editAs="oneCell">
    <xdr:from>
      <xdr:col>4</xdr:col>
      <xdr:colOff>406400</xdr:colOff>
      <xdr:row>302</xdr:row>
      <xdr:rowOff>0</xdr:rowOff>
    </xdr:from>
    <xdr:to>
      <xdr:col>8</xdr:col>
      <xdr:colOff>602217</xdr:colOff>
      <xdr:row>319</xdr:row>
      <xdr:rowOff>79867</xdr:rowOff>
    </xdr:to>
    <xdr:pic>
      <xdr:nvPicPr>
        <xdr:cNvPr id="62" name="Picture 61">
          <a:extLst>
            <a:ext uri="{FF2B5EF4-FFF2-40B4-BE49-F238E27FC236}">
              <a16:creationId xmlns:a16="http://schemas.microsoft.com/office/drawing/2014/main" id="{120C96C1-BE3D-4A2F-ACF0-8033408B3943}"/>
            </a:ext>
          </a:extLst>
        </xdr:cNvPr>
        <xdr:cNvPicPr>
          <a:picLocks noChangeAspect="1"/>
        </xdr:cNvPicPr>
      </xdr:nvPicPr>
      <xdr:blipFill>
        <a:blip xmlns:r="http://schemas.openxmlformats.org/officeDocument/2006/relationships" r:embed="rId61"/>
        <a:stretch>
          <a:fillRect/>
        </a:stretch>
      </xdr:blipFill>
      <xdr:spPr>
        <a:xfrm>
          <a:off x="2844800" y="57531000"/>
          <a:ext cx="2634217" cy="3318367"/>
        </a:xfrm>
        <a:prstGeom prst="rect">
          <a:avLst/>
        </a:prstGeom>
      </xdr:spPr>
    </xdr:pic>
    <xdr:clientData/>
  </xdr:twoCellAnchor>
  <xdr:twoCellAnchor editAs="oneCell">
    <xdr:from>
      <xdr:col>0</xdr:col>
      <xdr:colOff>0</xdr:colOff>
      <xdr:row>302</xdr:row>
      <xdr:rowOff>0</xdr:rowOff>
    </xdr:from>
    <xdr:to>
      <xdr:col>4</xdr:col>
      <xdr:colOff>338667</xdr:colOff>
      <xdr:row>314</xdr:row>
      <xdr:rowOff>40245</xdr:rowOff>
    </xdr:to>
    <xdr:pic>
      <xdr:nvPicPr>
        <xdr:cNvPr id="63" name="Picture 62">
          <a:extLst>
            <a:ext uri="{FF2B5EF4-FFF2-40B4-BE49-F238E27FC236}">
              <a16:creationId xmlns:a16="http://schemas.microsoft.com/office/drawing/2014/main" id="{7097F1AC-5F8A-43BB-9B92-028EF83F6E22}"/>
            </a:ext>
          </a:extLst>
        </xdr:cNvPr>
        <xdr:cNvPicPr>
          <a:picLocks noChangeAspect="1"/>
        </xdr:cNvPicPr>
      </xdr:nvPicPr>
      <xdr:blipFill>
        <a:blip xmlns:r="http://schemas.openxmlformats.org/officeDocument/2006/relationships" r:embed="rId62"/>
        <a:stretch>
          <a:fillRect/>
        </a:stretch>
      </xdr:blipFill>
      <xdr:spPr>
        <a:xfrm>
          <a:off x="0" y="57531000"/>
          <a:ext cx="2777067" cy="2326245"/>
        </a:xfrm>
        <a:prstGeom prst="rect">
          <a:avLst/>
        </a:prstGeom>
      </xdr:spPr>
    </xdr:pic>
    <xdr:clientData/>
  </xdr:twoCellAnchor>
  <xdr:twoCellAnchor editAs="oneCell">
    <xdr:from>
      <xdr:col>0</xdr:col>
      <xdr:colOff>0</xdr:colOff>
      <xdr:row>315</xdr:row>
      <xdr:rowOff>0</xdr:rowOff>
    </xdr:from>
    <xdr:to>
      <xdr:col>4</xdr:col>
      <xdr:colOff>332989</xdr:colOff>
      <xdr:row>327</xdr:row>
      <xdr:rowOff>20515</xdr:rowOff>
    </xdr:to>
    <xdr:pic>
      <xdr:nvPicPr>
        <xdr:cNvPr id="64" name="Picture 63">
          <a:extLst>
            <a:ext uri="{FF2B5EF4-FFF2-40B4-BE49-F238E27FC236}">
              <a16:creationId xmlns:a16="http://schemas.microsoft.com/office/drawing/2014/main" id="{7800F11B-3670-41FC-8D08-415478CAF7E6}"/>
            </a:ext>
          </a:extLst>
        </xdr:cNvPr>
        <xdr:cNvPicPr>
          <a:picLocks noChangeAspect="1"/>
        </xdr:cNvPicPr>
      </xdr:nvPicPr>
      <xdr:blipFill>
        <a:blip xmlns:r="http://schemas.openxmlformats.org/officeDocument/2006/relationships" r:embed="rId63"/>
        <a:stretch>
          <a:fillRect/>
        </a:stretch>
      </xdr:blipFill>
      <xdr:spPr>
        <a:xfrm>
          <a:off x="0" y="60007500"/>
          <a:ext cx="2771389" cy="2306515"/>
        </a:xfrm>
        <a:prstGeom prst="rect">
          <a:avLst/>
        </a:prstGeom>
      </xdr:spPr>
    </xdr:pic>
    <xdr:clientData/>
  </xdr:twoCellAnchor>
  <xdr:twoCellAnchor editAs="oneCell">
    <xdr:from>
      <xdr:col>0</xdr:col>
      <xdr:colOff>0</xdr:colOff>
      <xdr:row>328</xdr:row>
      <xdr:rowOff>0</xdr:rowOff>
    </xdr:from>
    <xdr:to>
      <xdr:col>4</xdr:col>
      <xdr:colOff>355851</xdr:colOff>
      <xdr:row>331</xdr:row>
      <xdr:rowOff>111818</xdr:rowOff>
    </xdr:to>
    <xdr:pic>
      <xdr:nvPicPr>
        <xdr:cNvPr id="65" name="Picture 64">
          <a:extLst>
            <a:ext uri="{FF2B5EF4-FFF2-40B4-BE49-F238E27FC236}">
              <a16:creationId xmlns:a16="http://schemas.microsoft.com/office/drawing/2014/main" id="{308EEEFF-BC8F-4356-BC45-205415D71F7A}"/>
            </a:ext>
          </a:extLst>
        </xdr:cNvPr>
        <xdr:cNvPicPr>
          <a:picLocks noChangeAspect="1"/>
        </xdr:cNvPicPr>
      </xdr:nvPicPr>
      <xdr:blipFill>
        <a:blip xmlns:r="http://schemas.openxmlformats.org/officeDocument/2006/relationships" r:embed="rId64"/>
        <a:stretch>
          <a:fillRect/>
        </a:stretch>
      </xdr:blipFill>
      <xdr:spPr>
        <a:xfrm>
          <a:off x="0" y="62484000"/>
          <a:ext cx="2794251" cy="683318"/>
        </a:xfrm>
        <a:prstGeom prst="rect">
          <a:avLst/>
        </a:prstGeom>
      </xdr:spPr>
    </xdr:pic>
    <xdr:clientData/>
  </xdr:twoCellAnchor>
  <xdr:twoCellAnchor editAs="oneCell">
    <xdr:from>
      <xdr:col>4</xdr:col>
      <xdr:colOff>372533</xdr:colOff>
      <xdr:row>319</xdr:row>
      <xdr:rowOff>184032</xdr:rowOff>
    </xdr:from>
    <xdr:to>
      <xdr:col>8</xdr:col>
      <xdr:colOff>542053</xdr:colOff>
      <xdr:row>334</xdr:row>
      <xdr:rowOff>84665</xdr:rowOff>
    </xdr:to>
    <xdr:pic>
      <xdr:nvPicPr>
        <xdr:cNvPr id="66" name="Picture 65">
          <a:extLst>
            <a:ext uri="{FF2B5EF4-FFF2-40B4-BE49-F238E27FC236}">
              <a16:creationId xmlns:a16="http://schemas.microsoft.com/office/drawing/2014/main" id="{F556A8AD-1CC0-4F91-87B9-5EA4895C6061}"/>
            </a:ext>
          </a:extLst>
        </xdr:cNvPr>
        <xdr:cNvPicPr>
          <a:picLocks noChangeAspect="1"/>
        </xdr:cNvPicPr>
      </xdr:nvPicPr>
      <xdr:blipFill>
        <a:blip xmlns:r="http://schemas.openxmlformats.org/officeDocument/2006/relationships" r:embed="rId65"/>
        <a:stretch>
          <a:fillRect/>
        </a:stretch>
      </xdr:blipFill>
      <xdr:spPr>
        <a:xfrm>
          <a:off x="2810933" y="60953532"/>
          <a:ext cx="2607920" cy="2758133"/>
        </a:xfrm>
        <a:prstGeom prst="rect">
          <a:avLst/>
        </a:prstGeom>
      </xdr:spPr>
    </xdr:pic>
    <xdr:clientData/>
  </xdr:twoCellAnchor>
  <xdr:twoCellAnchor editAs="oneCell">
    <xdr:from>
      <xdr:col>13</xdr:col>
      <xdr:colOff>366207</xdr:colOff>
      <xdr:row>302</xdr:row>
      <xdr:rowOff>67734</xdr:rowOff>
    </xdr:from>
    <xdr:to>
      <xdr:col>17</xdr:col>
      <xdr:colOff>550663</xdr:colOff>
      <xdr:row>318</xdr:row>
      <xdr:rowOff>18982</xdr:rowOff>
    </xdr:to>
    <xdr:pic>
      <xdr:nvPicPr>
        <xdr:cNvPr id="67" name="Picture 66">
          <a:extLst>
            <a:ext uri="{FF2B5EF4-FFF2-40B4-BE49-F238E27FC236}">
              <a16:creationId xmlns:a16="http://schemas.microsoft.com/office/drawing/2014/main" id="{F768E6AA-ABE6-424C-9ABA-088EED966047}"/>
            </a:ext>
          </a:extLst>
        </xdr:cNvPr>
        <xdr:cNvPicPr>
          <a:picLocks noChangeAspect="1"/>
        </xdr:cNvPicPr>
      </xdr:nvPicPr>
      <xdr:blipFill>
        <a:blip xmlns:r="http://schemas.openxmlformats.org/officeDocument/2006/relationships" r:embed="rId66"/>
        <a:stretch>
          <a:fillRect/>
        </a:stretch>
      </xdr:blipFill>
      <xdr:spPr>
        <a:xfrm>
          <a:off x="8291007" y="57598734"/>
          <a:ext cx="2622856" cy="2999248"/>
        </a:xfrm>
        <a:prstGeom prst="rect">
          <a:avLst/>
        </a:prstGeom>
      </xdr:spPr>
    </xdr:pic>
    <xdr:clientData/>
  </xdr:twoCellAnchor>
  <xdr:twoCellAnchor editAs="oneCell">
    <xdr:from>
      <xdr:col>9</xdr:col>
      <xdr:colOff>0</xdr:colOff>
      <xdr:row>302</xdr:row>
      <xdr:rowOff>0</xdr:rowOff>
    </xdr:from>
    <xdr:to>
      <xdr:col>13</xdr:col>
      <xdr:colOff>325368</xdr:colOff>
      <xdr:row>314</xdr:row>
      <xdr:rowOff>66239</xdr:rowOff>
    </xdr:to>
    <xdr:pic>
      <xdr:nvPicPr>
        <xdr:cNvPr id="68" name="Picture 67">
          <a:extLst>
            <a:ext uri="{FF2B5EF4-FFF2-40B4-BE49-F238E27FC236}">
              <a16:creationId xmlns:a16="http://schemas.microsoft.com/office/drawing/2014/main" id="{D44E9F28-5551-495E-81D1-5E372A7ABB3D}"/>
            </a:ext>
          </a:extLst>
        </xdr:cNvPr>
        <xdr:cNvPicPr>
          <a:picLocks noChangeAspect="1"/>
        </xdr:cNvPicPr>
      </xdr:nvPicPr>
      <xdr:blipFill>
        <a:blip xmlns:r="http://schemas.openxmlformats.org/officeDocument/2006/relationships" r:embed="rId67"/>
        <a:stretch>
          <a:fillRect/>
        </a:stretch>
      </xdr:blipFill>
      <xdr:spPr>
        <a:xfrm>
          <a:off x="5486400" y="57531000"/>
          <a:ext cx="2763768" cy="2352239"/>
        </a:xfrm>
        <a:prstGeom prst="rect">
          <a:avLst/>
        </a:prstGeom>
      </xdr:spPr>
    </xdr:pic>
    <xdr:clientData/>
  </xdr:twoCellAnchor>
  <xdr:twoCellAnchor editAs="oneCell">
    <xdr:from>
      <xdr:col>9</xdr:col>
      <xdr:colOff>0</xdr:colOff>
      <xdr:row>315</xdr:row>
      <xdr:rowOff>0</xdr:rowOff>
    </xdr:from>
    <xdr:to>
      <xdr:col>13</xdr:col>
      <xdr:colOff>348230</xdr:colOff>
      <xdr:row>326</xdr:row>
      <xdr:rowOff>138197</xdr:rowOff>
    </xdr:to>
    <xdr:pic>
      <xdr:nvPicPr>
        <xdr:cNvPr id="69" name="Picture 68">
          <a:extLst>
            <a:ext uri="{FF2B5EF4-FFF2-40B4-BE49-F238E27FC236}">
              <a16:creationId xmlns:a16="http://schemas.microsoft.com/office/drawing/2014/main" id="{8E9B43E9-8968-42B6-B128-A253B0483C7B}"/>
            </a:ext>
          </a:extLst>
        </xdr:cNvPr>
        <xdr:cNvPicPr>
          <a:picLocks noChangeAspect="1"/>
        </xdr:cNvPicPr>
      </xdr:nvPicPr>
      <xdr:blipFill>
        <a:blip xmlns:r="http://schemas.openxmlformats.org/officeDocument/2006/relationships" r:embed="rId68"/>
        <a:stretch>
          <a:fillRect/>
        </a:stretch>
      </xdr:blipFill>
      <xdr:spPr>
        <a:xfrm>
          <a:off x="5486400" y="60007500"/>
          <a:ext cx="2786630" cy="2233697"/>
        </a:xfrm>
        <a:prstGeom prst="rect">
          <a:avLst/>
        </a:prstGeom>
      </xdr:spPr>
    </xdr:pic>
    <xdr:clientData/>
  </xdr:twoCellAnchor>
  <xdr:twoCellAnchor editAs="oneCell">
    <xdr:from>
      <xdr:col>9</xdr:col>
      <xdr:colOff>0</xdr:colOff>
      <xdr:row>327</xdr:row>
      <xdr:rowOff>0</xdr:rowOff>
    </xdr:from>
    <xdr:to>
      <xdr:col>13</xdr:col>
      <xdr:colOff>340610</xdr:colOff>
      <xdr:row>330</xdr:row>
      <xdr:rowOff>165163</xdr:rowOff>
    </xdr:to>
    <xdr:pic>
      <xdr:nvPicPr>
        <xdr:cNvPr id="70" name="Picture 69">
          <a:extLst>
            <a:ext uri="{FF2B5EF4-FFF2-40B4-BE49-F238E27FC236}">
              <a16:creationId xmlns:a16="http://schemas.microsoft.com/office/drawing/2014/main" id="{19AA7F01-9601-4120-98FF-01C4CDBD777B}"/>
            </a:ext>
          </a:extLst>
        </xdr:cNvPr>
        <xdr:cNvPicPr>
          <a:picLocks noChangeAspect="1"/>
        </xdr:cNvPicPr>
      </xdr:nvPicPr>
      <xdr:blipFill>
        <a:blip xmlns:r="http://schemas.openxmlformats.org/officeDocument/2006/relationships" r:embed="rId69"/>
        <a:stretch>
          <a:fillRect/>
        </a:stretch>
      </xdr:blipFill>
      <xdr:spPr>
        <a:xfrm>
          <a:off x="5486400" y="62293500"/>
          <a:ext cx="2779010" cy="736663"/>
        </a:xfrm>
        <a:prstGeom prst="rect">
          <a:avLst/>
        </a:prstGeom>
      </xdr:spPr>
    </xdr:pic>
    <xdr:clientData/>
  </xdr:twoCellAnchor>
  <xdr:twoCellAnchor editAs="oneCell">
    <xdr:from>
      <xdr:col>13</xdr:col>
      <xdr:colOff>355600</xdr:colOff>
      <xdr:row>318</xdr:row>
      <xdr:rowOff>59267</xdr:rowOff>
    </xdr:from>
    <xdr:to>
      <xdr:col>17</xdr:col>
      <xdr:colOff>536176</xdr:colOff>
      <xdr:row>333</xdr:row>
      <xdr:rowOff>123015</xdr:rowOff>
    </xdr:to>
    <xdr:pic>
      <xdr:nvPicPr>
        <xdr:cNvPr id="71" name="Picture 70">
          <a:extLst>
            <a:ext uri="{FF2B5EF4-FFF2-40B4-BE49-F238E27FC236}">
              <a16:creationId xmlns:a16="http://schemas.microsoft.com/office/drawing/2014/main" id="{D4551F78-114D-4F01-98A4-CECF757C53C3}"/>
            </a:ext>
          </a:extLst>
        </xdr:cNvPr>
        <xdr:cNvPicPr>
          <a:picLocks noChangeAspect="1"/>
        </xdr:cNvPicPr>
      </xdr:nvPicPr>
      <xdr:blipFill>
        <a:blip xmlns:r="http://schemas.openxmlformats.org/officeDocument/2006/relationships" r:embed="rId70"/>
        <a:stretch>
          <a:fillRect/>
        </a:stretch>
      </xdr:blipFill>
      <xdr:spPr>
        <a:xfrm>
          <a:off x="8280400" y="60638267"/>
          <a:ext cx="2618976" cy="2921248"/>
        </a:xfrm>
        <a:prstGeom prst="rect">
          <a:avLst/>
        </a:prstGeom>
      </xdr:spPr>
    </xdr:pic>
    <xdr:clientData/>
  </xdr:twoCellAnchor>
  <xdr:twoCellAnchor editAs="oneCell">
    <xdr:from>
      <xdr:col>4</xdr:col>
      <xdr:colOff>359960</xdr:colOff>
      <xdr:row>352</xdr:row>
      <xdr:rowOff>0</xdr:rowOff>
    </xdr:from>
    <xdr:to>
      <xdr:col>8</xdr:col>
      <xdr:colOff>486300</xdr:colOff>
      <xdr:row>367</xdr:row>
      <xdr:rowOff>1176</xdr:rowOff>
    </xdr:to>
    <xdr:pic>
      <xdr:nvPicPr>
        <xdr:cNvPr id="72" name="Picture 71">
          <a:extLst>
            <a:ext uri="{FF2B5EF4-FFF2-40B4-BE49-F238E27FC236}">
              <a16:creationId xmlns:a16="http://schemas.microsoft.com/office/drawing/2014/main" id="{729B3557-D976-432F-980F-D31366550535}"/>
            </a:ext>
          </a:extLst>
        </xdr:cNvPr>
        <xdr:cNvPicPr>
          <a:picLocks noChangeAspect="1"/>
        </xdr:cNvPicPr>
      </xdr:nvPicPr>
      <xdr:blipFill>
        <a:blip xmlns:r="http://schemas.openxmlformats.org/officeDocument/2006/relationships" r:embed="rId71"/>
        <a:stretch>
          <a:fillRect/>
        </a:stretch>
      </xdr:blipFill>
      <xdr:spPr>
        <a:xfrm>
          <a:off x="2798360" y="67056000"/>
          <a:ext cx="2564740" cy="2858676"/>
        </a:xfrm>
        <a:prstGeom prst="rect">
          <a:avLst/>
        </a:prstGeom>
      </xdr:spPr>
    </xdr:pic>
    <xdr:clientData/>
  </xdr:twoCellAnchor>
  <xdr:twoCellAnchor editAs="oneCell">
    <xdr:from>
      <xdr:col>0</xdr:col>
      <xdr:colOff>0</xdr:colOff>
      <xdr:row>352</xdr:row>
      <xdr:rowOff>0</xdr:rowOff>
    </xdr:from>
    <xdr:to>
      <xdr:col>4</xdr:col>
      <xdr:colOff>302506</xdr:colOff>
      <xdr:row>364</xdr:row>
      <xdr:rowOff>5274</xdr:rowOff>
    </xdr:to>
    <xdr:pic>
      <xdr:nvPicPr>
        <xdr:cNvPr id="73" name="Picture 72">
          <a:extLst>
            <a:ext uri="{FF2B5EF4-FFF2-40B4-BE49-F238E27FC236}">
              <a16:creationId xmlns:a16="http://schemas.microsoft.com/office/drawing/2014/main" id="{3BF8B8FB-B4F6-4A23-BAC5-EBEA0DB4CF03}"/>
            </a:ext>
          </a:extLst>
        </xdr:cNvPr>
        <xdr:cNvPicPr>
          <a:picLocks noChangeAspect="1"/>
        </xdr:cNvPicPr>
      </xdr:nvPicPr>
      <xdr:blipFill>
        <a:blip xmlns:r="http://schemas.openxmlformats.org/officeDocument/2006/relationships" r:embed="rId72"/>
        <a:stretch>
          <a:fillRect/>
        </a:stretch>
      </xdr:blipFill>
      <xdr:spPr>
        <a:xfrm>
          <a:off x="0" y="67056000"/>
          <a:ext cx="2740906" cy="2291274"/>
        </a:xfrm>
        <a:prstGeom prst="rect">
          <a:avLst/>
        </a:prstGeom>
      </xdr:spPr>
    </xdr:pic>
    <xdr:clientData/>
  </xdr:twoCellAnchor>
  <xdr:twoCellAnchor editAs="oneCell">
    <xdr:from>
      <xdr:col>0</xdr:col>
      <xdr:colOff>0</xdr:colOff>
      <xdr:row>365</xdr:row>
      <xdr:rowOff>0</xdr:rowOff>
    </xdr:from>
    <xdr:to>
      <xdr:col>4</xdr:col>
      <xdr:colOff>302506</xdr:colOff>
      <xdr:row>377</xdr:row>
      <xdr:rowOff>12895</xdr:rowOff>
    </xdr:to>
    <xdr:pic>
      <xdr:nvPicPr>
        <xdr:cNvPr id="74" name="Picture 73">
          <a:extLst>
            <a:ext uri="{FF2B5EF4-FFF2-40B4-BE49-F238E27FC236}">
              <a16:creationId xmlns:a16="http://schemas.microsoft.com/office/drawing/2014/main" id="{1D58D6DD-6803-41B5-A658-C7391A4C5620}"/>
            </a:ext>
          </a:extLst>
        </xdr:cNvPr>
        <xdr:cNvPicPr>
          <a:picLocks noChangeAspect="1"/>
        </xdr:cNvPicPr>
      </xdr:nvPicPr>
      <xdr:blipFill>
        <a:blip xmlns:r="http://schemas.openxmlformats.org/officeDocument/2006/relationships" r:embed="rId73"/>
        <a:stretch>
          <a:fillRect/>
        </a:stretch>
      </xdr:blipFill>
      <xdr:spPr>
        <a:xfrm>
          <a:off x="0" y="69532500"/>
          <a:ext cx="2740906" cy="2298895"/>
        </a:xfrm>
        <a:prstGeom prst="rect">
          <a:avLst/>
        </a:prstGeom>
      </xdr:spPr>
    </xdr:pic>
    <xdr:clientData/>
  </xdr:twoCellAnchor>
  <xdr:twoCellAnchor editAs="oneCell">
    <xdr:from>
      <xdr:col>0</xdr:col>
      <xdr:colOff>0</xdr:colOff>
      <xdr:row>378</xdr:row>
      <xdr:rowOff>0</xdr:rowOff>
    </xdr:from>
    <xdr:to>
      <xdr:col>4</xdr:col>
      <xdr:colOff>325368</xdr:colOff>
      <xdr:row>381</xdr:row>
      <xdr:rowOff>157542</xdr:rowOff>
    </xdr:to>
    <xdr:pic>
      <xdr:nvPicPr>
        <xdr:cNvPr id="75" name="Picture 74">
          <a:extLst>
            <a:ext uri="{FF2B5EF4-FFF2-40B4-BE49-F238E27FC236}">
              <a16:creationId xmlns:a16="http://schemas.microsoft.com/office/drawing/2014/main" id="{786904CD-18F6-4B10-896B-46408D6A560F}"/>
            </a:ext>
          </a:extLst>
        </xdr:cNvPr>
        <xdr:cNvPicPr>
          <a:picLocks noChangeAspect="1"/>
        </xdr:cNvPicPr>
      </xdr:nvPicPr>
      <xdr:blipFill>
        <a:blip xmlns:r="http://schemas.openxmlformats.org/officeDocument/2006/relationships" r:embed="rId74"/>
        <a:stretch>
          <a:fillRect/>
        </a:stretch>
      </xdr:blipFill>
      <xdr:spPr>
        <a:xfrm>
          <a:off x="0" y="72009000"/>
          <a:ext cx="2763768" cy="729042"/>
        </a:xfrm>
        <a:prstGeom prst="rect">
          <a:avLst/>
        </a:prstGeom>
      </xdr:spPr>
    </xdr:pic>
    <xdr:clientData/>
  </xdr:twoCellAnchor>
  <xdr:twoCellAnchor editAs="oneCell">
    <xdr:from>
      <xdr:col>4</xdr:col>
      <xdr:colOff>338666</xdr:colOff>
      <xdr:row>367</xdr:row>
      <xdr:rowOff>84667</xdr:rowOff>
    </xdr:from>
    <xdr:to>
      <xdr:col>8</xdr:col>
      <xdr:colOff>534483</xdr:colOff>
      <xdr:row>382</xdr:row>
      <xdr:rowOff>41725</xdr:rowOff>
    </xdr:to>
    <xdr:pic>
      <xdr:nvPicPr>
        <xdr:cNvPr id="76" name="Picture 75">
          <a:extLst>
            <a:ext uri="{FF2B5EF4-FFF2-40B4-BE49-F238E27FC236}">
              <a16:creationId xmlns:a16="http://schemas.microsoft.com/office/drawing/2014/main" id="{1DCEC366-EBD6-490E-8B8D-C1F35FD8AE31}"/>
            </a:ext>
          </a:extLst>
        </xdr:cNvPr>
        <xdr:cNvPicPr>
          <a:picLocks noChangeAspect="1"/>
        </xdr:cNvPicPr>
      </xdr:nvPicPr>
      <xdr:blipFill>
        <a:blip xmlns:r="http://schemas.openxmlformats.org/officeDocument/2006/relationships" r:embed="rId75"/>
        <a:stretch>
          <a:fillRect/>
        </a:stretch>
      </xdr:blipFill>
      <xdr:spPr>
        <a:xfrm>
          <a:off x="2777066" y="69998167"/>
          <a:ext cx="2634217" cy="2814558"/>
        </a:xfrm>
        <a:prstGeom prst="rect">
          <a:avLst/>
        </a:prstGeom>
      </xdr:spPr>
    </xdr:pic>
    <xdr:clientData/>
  </xdr:twoCellAnchor>
  <xdr:twoCellAnchor editAs="oneCell">
    <xdr:from>
      <xdr:col>13</xdr:col>
      <xdr:colOff>243399</xdr:colOff>
      <xdr:row>352</xdr:row>
      <xdr:rowOff>152399</xdr:rowOff>
    </xdr:from>
    <xdr:to>
      <xdr:col>17</xdr:col>
      <xdr:colOff>608799</xdr:colOff>
      <xdr:row>369</xdr:row>
      <xdr:rowOff>110067</xdr:rowOff>
    </xdr:to>
    <xdr:pic>
      <xdr:nvPicPr>
        <xdr:cNvPr id="77" name="Picture 76">
          <a:extLst>
            <a:ext uri="{FF2B5EF4-FFF2-40B4-BE49-F238E27FC236}">
              <a16:creationId xmlns:a16="http://schemas.microsoft.com/office/drawing/2014/main" id="{A73378B0-96AC-492B-B4AD-06B347E8B4DA}"/>
            </a:ext>
          </a:extLst>
        </xdr:cNvPr>
        <xdr:cNvPicPr>
          <a:picLocks noChangeAspect="1"/>
        </xdr:cNvPicPr>
      </xdr:nvPicPr>
      <xdr:blipFill>
        <a:blip xmlns:r="http://schemas.openxmlformats.org/officeDocument/2006/relationships" r:embed="rId76"/>
        <a:stretch>
          <a:fillRect/>
        </a:stretch>
      </xdr:blipFill>
      <xdr:spPr>
        <a:xfrm>
          <a:off x="8168199" y="67208399"/>
          <a:ext cx="2803800" cy="3196168"/>
        </a:xfrm>
        <a:prstGeom prst="rect">
          <a:avLst/>
        </a:prstGeom>
      </xdr:spPr>
    </xdr:pic>
    <xdr:clientData/>
  </xdr:twoCellAnchor>
  <xdr:twoCellAnchor editAs="oneCell">
    <xdr:from>
      <xdr:col>8</xdr:col>
      <xdr:colOff>634999</xdr:colOff>
      <xdr:row>353</xdr:row>
      <xdr:rowOff>0</xdr:rowOff>
    </xdr:from>
    <xdr:to>
      <xdr:col>13</xdr:col>
      <xdr:colOff>198172</xdr:colOff>
      <xdr:row>364</xdr:row>
      <xdr:rowOff>127000</xdr:rowOff>
    </xdr:to>
    <xdr:pic>
      <xdr:nvPicPr>
        <xdr:cNvPr id="78" name="Picture 77">
          <a:extLst>
            <a:ext uri="{FF2B5EF4-FFF2-40B4-BE49-F238E27FC236}">
              <a16:creationId xmlns:a16="http://schemas.microsoft.com/office/drawing/2014/main" id="{35D92B23-051A-4AD4-BAE4-AC48ED036F87}"/>
            </a:ext>
          </a:extLst>
        </xdr:cNvPr>
        <xdr:cNvPicPr>
          <a:picLocks noChangeAspect="1"/>
        </xdr:cNvPicPr>
      </xdr:nvPicPr>
      <xdr:blipFill>
        <a:blip xmlns:r="http://schemas.openxmlformats.org/officeDocument/2006/relationships" r:embed="rId77"/>
        <a:stretch>
          <a:fillRect/>
        </a:stretch>
      </xdr:blipFill>
      <xdr:spPr>
        <a:xfrm>
          <a:off x="5483224" y="67246500"/>
          <a:ext cx="2639748" cy="2222500"/>
        </a:xfrm>
        <a:prstGeom prst="rect">
          <a:avLst/>
        </a:prstGeom>
      </xdr:spPr>
    </xdr:pic>
    <xdr:clientData/>
  </xdr:twoCellAnchor>
  <xdr:twoCellAnchor editAs="oneCell">
    <xdr:from>
      <xdr:col>9</xdr:col>
      <xdr:colOff>0</xdr:colOff>
      <xdr:row>365</xdr:row>
      <xdr:rowOff>1</xdr:rowOff>
    </xdr:from>
    <xdr:to>
      <xdr:col>13</xdr:col>
      <xdr:colOff>194733</xdr:colOff>
      <xdr:row>376</xdr:row>
      <xdr:rowOff>98231</xdr:rowOff>
    </xdr:to>
    <xdr:pic>
      <xdr:nvPicPr>
        <xdr:cNvPr id="79" name="Picture 78">
          <a:extLst>
            <a:ext uri="{FF2B5EF4-FFF2-40B4-BE49-F238E27FC236}">
              <a16:creationId xmlns:a16="http://schemas.microsoft.com/office/drawing/2014/main" id="{1BDB86C8-FF96-4902-B209-452488174396}"/>
            </a:ext>
          </a:extLst>
        </xdr:cNvPr>
        <xdr:cNvPicPr>
          <a:picLocks noChangeAspect="1"/>
        </xdr:cNvPicPr>
      </xdr:nvPicPr>
      <xdr:blipFill>
        <a:blip xmlns:r="http://schemas.openxmlformats.org/officeDocument/2006/relationships" r:embed="rId78"/>
        <a:stretch>
          <a:fillRect/>
        </a:stretch>
      </xdr:blipFill>
      <xdr:spPr>
        <a:xfrm>
          <a:off x="5486400" y="69532501"/>
          <a:ext cx="2633133" cy="2193730"/>
        </a:xfrm>
        <a:prstGeom prst="rect">
          <a:avLst/>
        </a:prstGeom>
      </xdr:spPr>
    </xdr:pic>
    <xdr:clientData/>
  </xdr:twoCellAnchor>
  <xdr:twoCellAnchor editAs="oneCell">
    <xdr:from>
      <xdr:col>8</xdr:col>
      <xdr:colOff>626534</xdr:colOff>
      <xdr:row>377</xdr:row>
      <xdr:rowOff>1087</xdr:rowOff>
    </xdr:from>
    <xdr:to>
      <xdr:col>13</xdr:col>
      <xdr:colOff>118534</xdr:colOff>
      <xdr:row>380</xdr:row>
      <xdr:rowOff>69392</xdr:rowOff>
    </xdr:to>
    <xdr:pic>
      <xdr:nvPicPr>
        <xdr:cNvPr id="80" name="Picture 79">
          <a:extLst>
            <a:ext uri="{FF2B5EF4-FFF2-40B4-BE49-F238E27FC236}">
              <a16:creationId xmlns:a16="http://schemas.microsoft.com/office/drawing/2014/main" id="{76BB9BE5-C7C8-49D0-9578-425F1CA101BE}"/>
            </a:ext>
          </a:extLst>
        </xdr:cNvPr>
        <xdr:cNvPicPr>
          <a:picLocks noChangeAspect="1"/>
        </xdr:cNvPicPr>
      </xdr:nvPicPr>
      <xdr:blipFill>
        <a:blip xmlns:r="http://schemas.openxmlformats.org/officeDocument/2006/relationships" r:embed="rId79">
          <a:extLst>
            <a:ext uri="{28A0092B-C50C-407E-A947-70E740481C1C}">
              <a14:useLocalDpi xmlns:a14="http://schemas.microsoft.com/office/drawing/2010/main" val="0"/>
            </a:ext>
          </a:extLst>
        </a:blip>
        <a:srcRect/>
        <a:stretch/>
      </xdr:blipFill>
      <xdr:spPr>
        <a:xfrm>
          <a:off x="5484284" y="71819587"/>
          <a:ext cx="2559050" cy="639805"/>
        </a:xfrm>
        <a:prstGeom prst="rect">
          <a:avLst/>
        </a:prstGeom>
      </xdr:spPr>
    </xdr:pic>
    <xdr:clientData/>
  </xdr:twoCellAnchor>
  <xdr:twoCellAnchor editAs="oneCell">
    <xdr:from>
      <xdr:col>13</xdr:col>
      <xdr:colOff>279400</xdr:colOff>
      <xdr:row>371</xdr:row>
      <xdr:rowOff>42333</xdr:rowOff>
    </xdr:from>
    <xdr:to>
      <xdr:col>17</xdr:col>
      <xdr:colOff>383769</xdr:colOff>
      <xdr:row>386</xdr:row>
      <xdr:rowOff>75598</xdr:rowOff>
    </xdr:to>
    <xdr:pic>
      <xdr:nvPicPr>
        <xdr:cNvPr id="81" name="Picture 80">
          <a:extLst>
            <a:ext uri="{FF2B5EF4-FFF2-40B4-BE49-F238E27FC236}">
              <a16:creationId xmlns:a16="http://schemas.microsoft.com/office/drawing/2014/main" id="{2538E427-034E-4DEB-A192-12EBD13A58FF}"/>
            </a:ext>
          </a:extLst>
        </xdr:cNvPr>
        <xdr:cNvPicPr>
          <a:picLocks noChangeAspect="1"/>
        </xdr:cNvPicPr>
      </xdr:nvPicPr>
      <xdr:blipFill>
        <a:blip xmlns:r="http://schemas.openxmlformats.org/officeDocument/2006/relationships" r:embed="rId80"/>
        <a:stretch>
          <a:fillRect/>
        </a:stretch>
      </xdr:blipFill>
      <xdr:spPr>
        <a:xfrm>
          <a:off x="8204200" y="70717833"/>
          <a:ext cx="2542769" cy="2890765"/>
        </a:xfrm>
        <a:prstGeom prst="rect">
          <a:avLst/>
        </a:prstGeom>
      </xdr:spPr>
    </xdr:pic>
    <xdr:clientData/>
  </xdr:twoCellAnchor>
  <xdr:twoCellAnchor editAs="oneCell">
    <xdr:from>
      <xdr:col>5</xdr:col>
      <xdr:colOff>59267</xdr:colOff>
      <xdr:row>401</xdr:row>
      <xdr:rowOff>177800</xdr:rowOff>
    </xdr:from>
    <xdr:to>
      <xdr:col>8</xdr:col>
      <xdr:colOff>455706</xdr:colOff>
      <xdr:row>417</xdr:row>
      <xdr:rowOff>40039</xdr:rowOff>
    </xdr:to>
    <xdr:pic>
      <xdr:nvPicPr>
        <xdr:cNvPr id="82" name="Picture 81">
          <a:extLst>
            <a:ext uri="{FF2B5EF4-FFF2-40B4-BE49-F238E27FC236}">
              <a16:creationId xmlns:a16="http://schemas.microsoft.com/office/drawing/2014/main" id="{850DA495-6144-4FFF-87A5-EA64FDA54C8D}"/>
            </a:ext>
          </a:extLst>
        </xdr:cNvPr>
        <xdr:cNvPicPr>
          <a:picLocks noChangeAspect="1"/>
        </xdr:cNvPicPr>
      </xdr:nvPicPr>
      <xdr:blipFill>
        <a:blip xmlns:r="http://schemas.openxmlformats.org/officeDocument/2006/relationships" r:embed="rId81"/>
        <a:stretch>
          <a:fillRect/>
        </a:stretch>
      </xdr:blipFill>
      <xdr:spPr>
        <a:xfrm>
          <a:off x="3107267" y="76568300"/>
          <a:ext cx="2225239" cy="2910239"/>
        </a:xfrm>
        <a:prstGeom prst="rect">
          <a:avLst/>
        </a:prstGeom>
      </xdr:spPr>
    </xdr:pic>
    <xdr:clientData/>
  </xdr:twoCellAnchor>
  <xdr:twoCellAnchor editAs="oneCell">
    <xdr:from>
      <xdr:col>0</xdr:col>
      <xdr:colOff>0</xdr:colOff>
      <xdr:row>402</xdr:row>
      <xdr:rowOff>0</xdr:rowOff>
    </xdr:from>
    <xdr:to>
      <xdr:col>4</xdr:col>
      <xdr:colOff>302506</xdr:colOff>
      <xdr:row>414</xdr:row>
      <xdr:rowOff>35757</xdr:rowOff>
    </xdr:to>
    <xdr:pic>
      <xdr:nvPicPr>
        <xdr:cNvPr id="83" name="Picture 82">
          <a:extLst>
            <a:ext uri="{FF2B5EF4-FFF2-40B4-BE49-F238E27FC236}">
              <a16:creationId xmlns:a16="http://schemas.microsoft.com/office/drawing/2014/main" id="{DA6D4360-3982-4F2D-A5B1-9C39A14230F4}"/>
            </a:ext>
          </a:extLst>
        </xdr:cNvPr>
        <xdr:cNvPicPr>
          <a:picLocks noChangeAspect="1"/>
        </xdr:cNvPicPr>
      </xdr:nvPicPr>
      <xdr:blipFill>
        <a:blip xmlns:r="http://schemas.openxmlformats.org/officeDocument/2006/relationships" r:embed="rId82"/>
        <a:stretch>
          <a:fillRect/>
        </a:stretch>
      </xdr:blipFill>
      <xdr:spPr>
        <a:xfrm>
          <a:off x="0" y="76581000"/>
          <a:ext cx="2740906" cy="2321757"/>
        </a:xfrm>
        <a:prstGeom prst="rect">
          <a:avLst/>
        </a:prstGeom>
      </xdr:spPr>
    </xdr:pic>
    <xdr:clientData/>
  </xdr:twoCellAnchor>
  <xdr:twoCellAnchor editAs="oneCell">
    <xdr:from>
      <xdr:col>0</xdr:col>
      <xdr:colOff>0</xdr:colOff>
      <xdr:row>415</xdr:row>
      <xdr:rowOff>0</xdr:rowOff>
    </xdr:from>
    <xdr:to>
      <xdr:col>4</xdr:col>
      <xdr:colOff>294886</xdr:colOff>
      <xdr:row>427</xdr:row>
      <xdr:rowOff>20515</xdr:rowOff>
    </xdr:to>
    <xdr:pic>
      <xdr:nvPicPr>
        <xdr:cNvPr id="84" name="Picture 83">
          <a:extLst>
            <a:ext uri="{FF2B5EF4-FFF2-40B4-BE49-F238E27FC236}">
              <a16:creationId xmlns:a16="http://schemas.microsoft.com/office/drawing/2014/main" id="{EFC72455-5150-4B18-848D-1B9EC57164A7}"/>
            </a:ext>
          </a:extLst>
        </xdr:cNvPr>
        <xdr:cNvPicPr>
          <a:picLocks noChangeAspect="1"/>
        </xdr:cNvPicPr>
      </xdr:nvPicPr>
      <xdr:blipFill>
        <a:blip xmlns:r="http://schemas.openxmlformats.org/officeDocument/2006/relationships" r:embed="rId83"/>
        <a:stretch>
          <a:fillRect/>
        </a:stretch>
      </xdr:blipFill>
      <xdr:spPr>
        <a:xfrm>
          <a:off x="0" y="79057500"/>
          <a:ext cx="2733286" cy="2306515"/>
        </a:xfrm>
        <a:prstGeom prst="rect">
          <a:avLst/>
        </a:prstGeom>
      </xdr:spPr>
    </xdr:pic>
    <xdr:clientData/>
  </xdr:twoCellAnchor>
  <xdr:twoCellAnchor editAs="oneCell">
    <xdr:from>
      <xdr:col>0</xdr:col>
      <xdr:colOff>0</xdr:colOff>
      <xdr:row>428</xdr:row>
      <xdr:rowOff>0</xdr:rowOff>
    </xdr:from>
    <xdr:to>
      <xdr:col>4</xdr:col>
      <xdr:colOff>332989</xdr:colOff>
      <xdr:row>431</xdr:row>
      <xdr:rowOff>149921</xdr:rowOff>
    </xdr:to>
    <xdr:pic>
      <xdr:nvPicPr>
        <xdr:cNvPr id="85" name="Picture 84">
          <a:extLst>
            <a:ext uri="{FF2B5EF4-FFF2-40B4-BE49-F238E27FC236}">
              <a16:creationId xmlns:a16="http://schemas.microsoft.com/office/drawing/2014/main" id="{03F2A3C6-8026-4291-86CD-7B24AC38ABA0}"/>
            </a:ext>
          </a:extLst>
        </xdr:cNvPr>
        <xdr:cNvPicPr>
          <a:picLocks noChangeAspect="1"/>
        </xdr:cNvPicPr>
      </xdr:nvPicPr>
      <xdr:blipFill>
        <a:blip xmlns:r="http://schemas.openxmlformats.org/officeDocument/2006/relationships" r:embed="rId84"/>
        <a:stretch>
          <a:fillRect/>
        </a:stretch>
      </xdr:blipFill>
      <xdr:spPr>
        <a:xfrm>
          <a:off x="0" y="81534000"/>
          <a:ext cx="2771389" cy="721421"/>
        </a:xfrm>
        <a:prstGeom prst="rect">
          <a:avLst/>
        </a:prstGeom>
      </xdr:spPr>
    </xdr:pic>
    <xdr:clientData/>
  </xdr:twoCellAnchor>
  <xdr:twoCellAnchor editAs="oneCell">
    <xdr:from>
      <xdr:col>4</xdr:col>
      <xdr:colOff>429133</xdr:colOff>
      <xdr:row>417</xdr:row>
      <xdr:rowOff>160867</xdr:rowOff>
    </xdr:from>
    <xdr:to>
      <xdr:col>8</xdr:col>
      <xdr:colOff>524934</xdr:colOff>
      <xdr:row>432</xdr:row>
      <xdr:rowOff>24695</xdr:rowOff>
    </xdr:to>
    <xdr:pic>
      <xdr:nvPicPr>
        <xdr:cNvPr id="86" name="Picture 85">
          <a:extLst>
            <a:ext uri="{FF2B5EF4-FFF2-40B4-BE49-F238E27FC236}">
              <a16:creationId xmlns:a16="http://schemas.microsoft.com/office/drawing/2014/main" id="{51ADA471-D35B-47B1-B497-0805461F66AA}"/>
            </a:ext>
          </a:extLst>
        </xdr:cNvPr>
        <xdr:cNvPicPr>
          <a:picLocks noChangeAspect="1"/>
        </xdr:cNvPicPr>
      </xdr:nvPicPr>
      <xdr:blipFill>
        <a:blip xmlns:r="http://schemas.openxmlformats.org/officeDocument/2006/relationships" r:embed="rId85"/>
        <a:stretch>
          <a:fillRect/>
        </a:stretch>
      </xdr:blipFill>
      <xdr:spPr>
        <a:xfrm>
          <a:off x="2867533" y="79599367"/>
          <a:ext cx="2534201" cy="2721328"/>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526868</xdr:colOff>
      <xdr:row>1</xdr:row>
      <xdr:rowOff>68036</xdr:rowOff>
    </xdr:from>
    <xdr:to>
      <xdr:col>6</xdr:col>
      <xdr:colOff>528772</xdr:colOff>
      <xdr:row>45</xdr:row>
      <xdr:rowOff>68425</xdr:rowOff>
    </xdr:to>
    <xdr:pic>
      <xdr:nvPicPr>
        <xdr:cNvPr id="7" name="Picture 6">
          <a:extLst>
            <a:ext uri="{FF2B5EF4-FFF2-40B4-BE49-F238E27FC236}">
              <a16:creationId xmlns:a16="http://schemas.microsoft.com/office/drawing/2014/main" id="{4C23F1B8-7BB6-46AC-A41B-F10756F204DC}"/>
            </a:ext>
          </a:extLst>
        </xdr:cNvPr>
        <xdr:cNvPicPr>
          <a:picLocks noChangeAspect="1"/>
        </xdr:cNvPicPr>
      </xdr:nvPicPr>
      <xdr:blipFill>
        <a:blip xmlns:r="http://schemas.openxmlformats.org/officeDocument/2006/relationships" r:embed="rId1"/>
        <a:stretch>
          <a:fillRect/>
        </a:stretch>
      </xdr:blipFill>
      <xdr:spPr>
        <a:xfrm>
          <a:off x="526868" y="244929"/>
          <a:ext cx="3675833" cy="7783675"/>
        </a:xfrm>
        <a:prstGeom prst="rect">
          <a:avLst/>
        </a:prstGeom>
      </xdr:spPr>
    </xdr:pic>
    <xdr:clientData/>
  </xdr:twoCellAnchor>
  <xdr:twoCellAnchor editAs="oneCell">
    <xdr:from>
      <xdr:col>10</xdr:col>
      <xdr:colOff>0</xdr:colOff>
      <xdr:row>1</xdr:row>
      <xdr:rowOff>0</xdr:rowOff>
    </xdr:from>
    <xdr:to>
      <xdr:col>21</xdr:col>
      <xdr:colOff>522971</xdr:colOff>
      <xdr:row>57</xdr:row>
      <xdr:rowOff>75796</xdr:rowOff>
    </xdr:to>
    <xdr:pic>
      <xdr:nvPicPr>
        <xdr:cNvPr id="2" name="Picture 1">
          <a:extLst>
            <a:ext uri="{FF2B5EF4-FFF2-40B4-BE49-F238E27FC236}">
              <a16:creationId xmlns:a16="http://schemas.microsoft.com/office/drawing/2014/main" id="{30683DB7-6A8F-4D2A-9976-5234D89FA87A}"/>
            </a:ext>
          </a:extLst>
        </xdr:cNvPr>
        <xdr:cNvPicPr>
          <a:picLocks noChangeAspect="1"/>
        </xdr:cNvPicPr>
      </xdr:nvPicPr>
      <xdr:blipFill>
        <a:blip xmlns:r="http://schemas.openxmlformats.org/officeDocument/2006/relationships" r:embed="rId2"/>
        <a:stretch>
          <a:fillRect/>
        </a:stretch>
      </xdr:blipFill>
      <xdr:spPr>
        <a:xfrm>
          <a:off x="6096000" y="180109"/>
          <a:ext cx="7228571" cy="10161905"/>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oneCellAnchor>
    <xdr:from>
      <xdr:col>6</xdr:col>
      <xdr:colOff>179993</xdr:colOff>
      <xdr:row>35</xdr:row>
      <xdr:rowOff>165101</xdr:rowOff>
    </xdr:from>
    <xdr:ext cx="2521461" cy="1758949"/>
    <xdr:pic>
      <xdr:nvPicPr>
        <xdr:cNvPr id="2" name="Picture 1">
          <a:extLst>
            <a:ext uri="{FF2B5EF4-FFF2-40B4-BE49-F238E27FC236}">
              <a16:creationId xmlns:a16="http://schemas.microsoft.com/office/drawing/2014/main" id="{1FC6A24D-3655-475F-A907-63BF16938B0C}"/>
            </a:ext>
          </a:extLst>
        </xdr:cNvPr>
        <xdr:cNvPicPr>
          <a:picLocks noChangeAspect="1"/>
        </xdr:cNvPicPr>
      </xdr:nvPicPr>
      <xdr:blipFill>
        <a:blip xmlns:r="http://schemas.openxmlformats.org/officeDocument/2006/relationships" r:embed="rId1"/>
        <a:stretch>
          <a:fillRect/>
        </a:stretch>
      </xdr:blipFill>
      <xdr:spPr>
        <a:xfrm>
          <a:off x="3875693" y="11376026"/>
          <a:ext cx="2521461" cy="1758949"/>
        </a:xfrm>
        <a:prstGeom prst="rect">
          <a:avLst/>
        </a:prstGeom>
      </xdr:spPr>
    </xdr:pic>
    <xdr:clientData/>
  </xdr:oneCellAnchor>
  <xdr:oneCellAnchor>
    <xdr:from>
      <xdr:col>0</xdr:col>
      <xdr:colOff>80682</xdr:colOff>
      <xdr:row>32</xdr:row>
      <xdr:rowOff>126301</xdr:rowOff>
    </xdr:from>
    <xdr:ext cx="3621928" cy="2228727"/>
    <xdr:pic>
      <xdr:nvPicPr>
        <xdr:cNvPr id="3" name="Picture 2">
          <a:extLst>
            <a:ext uri="{FF2B5EF4-FFF2-40B4-BE49-F238E27FC236}">
              <a16:creationId xmlns:a16="http://schemas.microsoft.com/office/drawing/2014/main" id="{172C6C89-BCF6-4FCD-BB00-B07727AF8A74}"/>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xdr:blipFill>
      <xdr:spPr>
        <a:xfrm>
          <a:off x="80682" y="10765726"/>
          <a:ext cx="3621928" cy="2228727"/>
        </a:xfrm>
        <a:prstGeom prst="rect">
          <a:avLst/>
        </a:prstGeom>
      </xdr:spPr>
    </xdr:pic>
    <xdr:clientData/>
  </xdr:oneCellAnchor>
  <xdr:oneCellAnchor>
    <xdr:from>
      <xdr:col>0</xdr:col>
      <xdr:colOff>0</xdr:colOff>
      <xdr:row>44</xdr:row>
      <xdr:rowOff>59765</xdr:rowOff>
    </xdr:from>
    <xdr:ext cx="3762375" cy="2637878"/>
    <xdr:pic>
      <xdr:nvPicPr>
        <xdr:cNvPr id="4" name="Picture 3">
          <a:extLst>
            <a:ext uri="{FF2B5EF4-FFF2-40B4-BE49-F238E27FC236}">
              <a16:creationId xmlns:a16="http://schemas.microsoft.com/office/drawing/2014/main" id="{8F187211-C35F-48F3-A33E-9758953DDB23}"/>
            </a:ext>
          </a:extLst>
        </xdr:cNvPr>
        <xdr:cNvPicPr>
          <a:picLocks noChangeAspect="1"/>
        </xdr:cNvPicPr>
      </xdr:nvPicPr>
      <xdr:blipFill>
        <a:blip xmlns:r="http://schemas.openxmlformats.org/officeDocument/2006/relationships" r:embed="rId3"/>
        <a:stretch>
          <a:fillRect/>
        </a:stretch>
      </xdr:blipFill>
      <xdr:spPr>
        <a:xfrm>
          <a:off x="0" y="12985190"/>
          <a:ext cx="3762375" cy="2637878"/>
        </a:xfrm>
        <a:prstGeom prst="rect">
          <a:avLst/>
        </a:prstGeom>
      </xdr:spPr>
    </xdr:pic>
    <xdr:clientData/>
  </xdr:oneCellAnchor>
  <xdr:oneCellAnchor>
    <xdr:from>
      <xdr:col>0</xdr:col>
      <xdr:colOff>0</xdr:colOff>
      <xdr:row>58</xdr:row>
      <xdr:rowOff>37353</xdr:rowOff>
    </xdr:from>
    <xdr:ext cx="3762375" cy="1734161"/>
    <xdr:pic>
      <xdr:nvPicPr>
        <xdr:cNvPr id="5" name="Picture 4">
          <a:extLst>
            <a:ext uri="{FF2B5EF4-FFF2-40B4-BE49-F238E27FC236}">
              <a16:creationId xmlns:a16="http://schemas.microsoft.com/office/drawing/2014/main" id="{3E64542F-6B35-4A56-AB5C-E838FB87F92B}"/>
            </a:ext>
          </a:extLst>
        </xdr:cNvPr>
        <xdr:cNvPicPr>
          <a:picLocks noChangeAspect="1"/>
        </xdr:cNvPicPr>
      </xdr:nvPicPr>
      <xdr:blipFill>
        <a:blip xmlns:r="http://schemas.openxmlformats.org/officeDocument/2006/relationships" r:embed="rId4"/>
        <a:stretch>
          <a:fillRect/>
        </a:stretch>
      </xdr:blipFill>
      <xdr:spPr>
        <a:xfrm>
          <a:off x="0" y="15629778"/>
          <a:ext cx="3762375" cy="1734161"/>
        </a:xfrm>
        <a:prstGeom prst="rect">
          <a:avLst/>
        </a:prstGeom>
      </xdr:spPr>
    </xdr:pic>
    <xdr:clientData/>
  </xdr:oneCellAnchor>
  <xdr:oneCellAnchor>
    <xdr:from>
      <xdr:col>6</xdr:col>
      <xdr:colOff>117709</xdr:colOff>
      <xdr:row>52</xdr:row>
      <xdr:rowOff>34551</xdr:rowOff>
    </xdr:from>
    <xdr:ext cx="2558450" cy="2775323"/>
    <xdr:pic>
      <xdr:nvPicPr>
        <xdr:cNvPr id="6" name="Picture 5">
          <a:extLst>
            <a:ext uri="{FF2B5EF4-FFF2-40B4-BE49-F238E27FC236}">
              <a16:creationId xmlns:a16="http://schemas.microsoft.com/office/drawing/2014/main" id="{1EC11496-88F9-4970-9557-446F67BE49D2}"/>
            </a:ext>
          </a:extLst>
        </xdr:cNvPr>
        <xdr:cNvPicPr>
          <a:picLocks noChangeAspect="1"/>
        </xdr:cNvPicPr>
      </xdr:nvPicPr>
      <xdr:blipFill>
        <a:blip xmlns:r="http://schemas.openxmlformats.org/officeDocument/2006/relationships" r:embed="rId5">
          <a:extLst>
            <a:ext uri="{28A0092B-C50C-407E-A947-70E740481C1C}">
              <a14:useLocalDpi xmlns:a14="http://schemas.microsoft.com/office/drawing/2010/main" val="0"/>
            </a:ext>
          </a:extLst>
        </a:blip>
        <a:srcRect/>
        <a:stretch/>
      </xdr:blipFill>
      <xdr:spPr>
        <a:xfrm>
          <a:off x="3813409" y="14483976"/>
          <a:ext cx="2558450" cy="2775323"/>
        </a:xfrm>
        <a:prstGeom prst="rect">
          <a:avLst/>
        </a:prstGeom>
      </xdr:spPr>
    </xdr:pic>
    <xdr:clientData/>
  </xdr:oneCellAnchor>
  <xdr:oneCellAnchor>
    <xdr:from>
      <xdr:col>15</xdr:col>
      <xdr:colOff>229681</xdr:colOff>
      <xdr:row>33</xdr:row>
      <xdr:rowOff>12140</xdr:rowOff>
    </xdr:from>
    <xdr:ext cx="2304606" cy="2924735"/>
    <xdr:pic>
      <xdr:nvPicPr>
        <xdr:cNvPr id="7" name="Picture 6">
          <a:extLst>
            <a:ext uri="{FF2B5EF4-FFF2-40B4-BE49-F238E27FC236}">
              <a16:creationId xmlns:a16="http://schemas.microsoft.com/office/drawing/2014/main" id="{6449926D-B3B3-44B1-B8EE-9ED7E4440F15}"/>
            </a:ext>
          </a:extLst>
        </xdr:cNvPr>
        <xdr:cNvPicPr>
          <a:picLocks noChangeAspect="1"/>
        </xdr:cNvPicPr>
      </xdr:nvPicPr>
      <xdr:blipFill>
        <a:blip xmlns:r="http://schemas.openxmlformats.org/officeDocument/2006/relationships" r:embed="rId6"/>
        <a:stretch>
          <a:fillRect/>
        </a:stretch>
      </xdr:blipFill>
      <xdr:spPr>
        <a:xfrm>
          <a:off x="9411781" y="10842065"/>
          <a:ext cx="2304606" cy="2924735"/>
        </a:xfrm>
        <a:prstGeom prst="rect">
          <a:avLst/>
        </a:prstGeom>
      </xdr:spPr>
    </xdr:pic>
    <xdr:clientData/>
  </xdr:oneCellAnchor>
  <xdr:oneCellAnchor>
    <xdr:from>
      <xdr:col>10</xdr:col>
      <xdr:colOff>342899</xdr:colOff>
      <xdr:row>33</xdr:row>
      <xdr:rowOff>181281</xdr:rowOff>
    </xdr:from>
    <xdr:ext cx="2849467" cy="2327848"/>
    <xdr:pic>
      <xdr:nvPicPr>
        <xdr:cNvPr id="8" name="Picture 7">
          <a:extLst>
            <a:ext uri="{FF2B5EF4-FFF2-40B4-BE49-F238E27FC236}">
              <a16:creationId xmlns:a16="http://schemas.microsoft.com/office/drawing/2014/main" id="{E994BB5F-0181-4D02-ADF8-56F1A06E0C9C}"/>
            </a:ext>
          </a:extLst>
        </xdr:cNvPr>
        <xdr:cNvPicPr>
          <a:picLocks noChangeAspect="1"/>
        </xdr:cNvPicPr>
      </xdr:nvPicPr>
      <xdr:blipFill>
        <a:blip xmlns:r="http://schemas.openxmlformats.org/officeDocument/2006/relationships" r:embed="rId7">
          <a:extLst>
            <a:ext uri="{28A0092B-C50C-407E-A947-70E740481C1C}">
              <a14:useLocalDpi xmlns:a14="http://schemas.microsoft.com/office/drawing/2010/main" val="0"/>
            </a:ext>
          </a:extLst>
        </a:blip>
        <a:srcRect/>
        <a:stretch/>
      </xdr:blipFill>
      <xdr:spPr>
        <a:xfrm>
          <a:off x="6476999" y="11011206"/>
          <a:ext cx="2849467" cy="2327848"/>
        </a:xfrm>
        <a:prstGeom prst="rect">
          <a:avLst/>
        </a:prstGeom>
      </xdr:spPr>
    </xdr:pic>
    <xdr:clientData/>
  </xdr:oneCellAnchor>
  <xdr:oneCellAnchor>
    <xdr:from>
      <xdr:col>10</xdr:col>
      <xdr:colOff>410135</xdr:colOff>
      <xdr:row>47</xdr:row>
      <xdr:rowOff>102809</xdr:rowOff>
    </xdr:from>
    <xdr:ext cx="2773268" cy="2246161"/>
    <xdr:pic>
      <xdr:nvPicPr>
        <xdr:cNvPr id="9" name="Picture 8">
          <a:extLst>
            <a:ext uri="{FF2B5EF4-FFF2-40B4-BE49-F238E27FC236}">
              <a16:creationId xmlns:a16="http://schemas.microsoft.com/office/drawing/2014/main" id="{2C119FD1-557C-4481-8FC0-D00BEB374D4F}"/>
            </a:ext>
          </a:extLst>
        </xdr:cNvPr>
        <xdr:cNvPicPr>
          <a:picLocks noChangeAspect="1"/>
        </xdr:cNvPicPr>
      </xdr:nvPicPr>
      <xdr:blipFill>
        <a:blip xmlns:r="http://schemas.openxmlformats.org/officeDocument/2006/relationships" r:embed="rId8">
          <a:extLst>
            <a:ext uri="{28A0092B-C50C-407E-A947-70E740481C1C}">
              <a14:useLocalDpi xmlns:a14="http://schemas.microsoft.com/office/drawing/2010/main" val="0"/>
            </a:ext>
          </a:extLst>
        </a:blip>
        <a:srcRect/>
        <a:stretch/>
      </xdr:blipFill>
      <xdr:spPr>
        <a:xfrm>
          <a:off x="6544235" y="13599734"/>
          <a:ext cx="2773268" cy="2246161"/>
        </a:xfrm>
        <a:prstGeom prst="rect">
          <a:avLst/>
        </a:prstGeom>
      </xdr:spPr>
    </xdr:pic>
    <xdr:clientData/>
  </xdr:oneCellAnchor>
  <xdr:oneCellAnchor>
    <xdr:from>
      <xdr:col>10</xdr:col>
      <xdr:colOff>361950</xdr:colOff>
      <xdr:row>59</xdr:row>
      <xdr:rowOff>161927</xdr:rowOff>
    </xdr:from>
    <xdr:ext cx="2895600" cy="550214"/>
    <xdr:pic>
      <xdr:nvPicPr>
        <xdr:cNvPr id="10" name="Picture 9">
          <a:extLst>
            <a:ext uri="{FF2B5EF4-FFF2-40B4-BE49-F238E27FC236}">
              <a16:creationId xmlns:a16="http://schemas.microsoft.com/office/drawing/2014/main" id="{0F32CEC5-EA07-48F2-A6C7-C63EA5BAF5CD}"/>
            </a:ext>
          </a:extLst>
        </xdr:cNvPr>
        <xdr:cNvPicPr>
          <a:picLocks noChangeAspect="1"/>
        </xdr:cNvPicPr>
      </xdr:nvPicPr>
      <xdr:blipFill>
        <a:blip xmlns:r="http://schemas.openxmlformats.org/officeDocument/2006/relationships" r:embed="rId9"/>
        <a:stretch>
          <a:fillRect/>
        </a:stretch>
      </xdr:blipFill>
      <xdr:spPr>
        <a:xfrm>
          <a:off x="6496050" y="15944852"/>
          <a:ext cx="2895600" cy="550214"/>
        </a:xfrm>
        <a:prstGeom prst="rect">
          <a:avLst/>
        </a:prstGeom>
      </xdr:spPr>
    </xdr:pic>
    <xdr:clientData/>
  </xdr:oneCellAnchor>
  <xdr:oneCellAnchor>
    <xdr:from>
      <xdr:col>15</xdr:col>
      <xdr:colOff>150001</xdr:colOff>
      <xdr:row>49</xdr:row>
      <xdr:rowOff>101599</xdr:rowOff>
    </xdr:from>
    <xdr:ext cx="2630075" cy="2851151"/>
    <xdr:pic>
      <xdr:nvPicPr>
        <xdr:cNvPr id="11" name="Picture 10">
          <a:extLst>
            <a:ext uri="{FF2B5EF4-FFF2-40B4-BE49-F238E27FC236}">
              <a16:creationId xmlns:a16="http://schemas.microsoft.com/office/drawing/2014/main" id="{35468D63-CAB7-4CDA-9C65-FD6620690146}"/>
            </a:ext>
          </a:extLst>
        </xdr:cNvPr>
        <xdr:cNvPicPr>
          <a:picLocks noChangeAspect="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xdr:blipFill>
      <xdr:spPr>
        <a:xfrm>
          <a:off x="9332101" y="13979524"/>
          <a:ext cx="2630075" cy="2851151"/>
        </a:xfrm>
        <a:prstGeom prst="rect">
          <a:avLst/>
        </a:prstGeom>
      </xdr:spPr>
    </xdr:pic>
    <xdr:clientData/>
  </xdr:oneCellAnchor>
  <xdr:oneCellAnchor>
    <xdr:from>
      <xdr:col>0</xdr:col>
      <xdr:colOff>92190</xdr:colOff>
      <xdr:row>88</xdr:row>
      <xdr:rowOff>154696</xdr:rowOff>
    </xdr:from>
    <xdr:ext cx="2912180" cy="2349028"/>
    <xdr:pic>
      <xdr:nvPicPr>
        <xdr:cNvPr id="12" name="Picture 11">
          <a:extLst>
            <a:ext uri="{FF2B5EF4-FFF2-40B4-BE49-F238E27FC236}">
              <a16:creationId xmlns:a16="http://schemas.microsoft.com/office/drawing/2014/main" id="{9E86168D-289B-4C84-9B74-233EAB5445CA}"/>
            </a:ext>
          </a:extLst>
        </xdr:cNvPr>
        <xdr:cNvPicPr>
          <a:picLocks noChangeAspect="1"/>
        </xdr:cNvPicPr>
      </xdr:nvPicPr>
      <xdr:blipFill>
        <a:blip xmlns:r="http://schemas.openxmlformats.org/officeDocument/2006/relationships" r:embed="rId11">
          <a:extLst>
            <a:ext uri="{28A0092B-C50C-407E-A947-70E740481C1C}">
              <a14:useLocalDpi xmlns:a14="http://schemas.microsoft.com/office/drawing/2010/main" val="0"/>
            </a:ext>
          </a:extLst>
        </a:blip>
        <a:srcRect/>
        <a:stretch/>
      </xdr:blipFill>
      <xdr:spPr>
        <a:xfrm>
          <a:off x="92190" y="21462121"/>
          <a:ext cx="2912180" cy="2349028"/>
        </a:xfrm>
        <a:prstGeom prst="rect">
          <a:avLst/>
        </a:prstGeom>
      </xdr:spPr>
    </xdr:pic>
    <xdr:clientData/>
  </xdr:oneCellAnchor>
  <xdr:oneCellAnchor>
    <xdr:from>
      <xdr:col>0</xdr:col>
      <xdr:colOff>128421</xdr:colOff>
      <xdr:row>101</xdr:row>
      <xdr:rowOff>11405</xdr:rowOff>
    </xdr:from>
    <xdr:ext cx="2756039" cy="2246361"/>
    <xdr:pic>
      <xdr:nvPicPr>
        <xdr:cNvPr id="13" name="Picture 12">
          <a:extLst>
            <a:ext uri="{FF2B5EF4-FFF2-40B4-BE49-F238E27FC236}">
              <a16:creationId xmlns:a16="http://schemas.microsoft.com/office/drawing/2014/main" id="{D4DCFB63-8A64-4446-B087-86B29C8ABB49}"/>
            </a:ext>
          </a:extLst>
        </xdr:cNvPr>
        <xdr:cNvPicPr>
          <a:picLocks noChangeAspect="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xdr:blipFill>
      <xdr:spPr>
        <a:xfrm>
          <a:off x="128421" y="23795330"/>
          <a:ext cx="2756039" cy="2246361"/>
        </a:xfrm>
        <a:prstGeom prst="rect">
          <a:avLst/>
        </a:prstGeom>
      </xdr:spPr>
    </xdr:pic>
    <xdr:clientData/>
  </xdr:oneCellAnchor>
  <xdr:oneCellAnchor>
    <xdr:from>
      <xdr:col>0</xdr:col>
      <xdr:colOff>130147</xdr:colOff>
      <xdr:row>113</xdr:row>
      <xdr:rowOff>26894</xdr:rowOff>
    </xdr:from>
    <xdr:ext cx="2858833" cy="682702"/>
    <xdr:pic>
      <xdr:nvPicPr>
        <xdr:cNvPr id="14" name="Picture 13">
          <a:extLst>
            <a:ext uri="{FF2B5EF4-FFF2-40B4-BE49-F238E27FC236}">
              <a16:creationId xmlns:a16="http://schemas.microsoft.com/office/drawing/2014/main" id="{B3FDD141-5F1E-429A-86E6-726BB0FB1654}"/>
            </a:ext>
          </a:extLst>
        </xdr:cNvPr>
        <xdr:cNvPicPr>
          <a:picLocks noChangeAspect="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xdr:blipFill>
      <xdr:spPr>
        <a:xfrm>
          <a:off x="130147" y="26096819"/>
          <a:ext cx="2858833" cy="682702"/>
        </a:xfrm>
        <a:prstGeom prst="rect">
          <a:avLst/>
        </a:prstGeom>
      </xdr:spPr>
    </xdr:pic>
    <xdr:clientData/>
  </xdr:oneCellAnchor>
  <xdr:oneCellAnchor>
    <xdr:from>
      <xdr:col>4</xdr:col>
      <xdr:colOff>407828</xdr:colOff>
      <xdr:row>108</xdr:row>
      <xdr:rowOff>65742</xdr:rowOff>
    </xdr:from>
    <xdr:ext cx="2927858" cy="3130174"/>
    <xdr:pic>
      <xdr:nvPicPr>
        <xdr:cNvPr id="15" name="Picture 14">
          <a:extLst>
            <a:ext uri="{FF2B5EF4-FFF2-40B4-BE49-F238E27FC236}">
              <a16:creationId xmlns:a16="http://schemas.microsoft.com/office/drawing/2014/main" id="{68E3214D-BA3B-48BE-A304-B989E5514115}"/>
            </a:ext>
          </a:extLst>
        </xdr:cNvPr>
        <xdr:cNvPicPr>
          <a:picLocks noChangeAspect="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xdr:blipFill>
      <xdr:spPr>
        <a:xfrm>
          <a:off x="2884328" y="25183167"/>
          <a:ext cx="2927858" cy="3130174"/>
        </a:xfrm>
        <a:prstGeom prst="rect">
          <a:avLst/>
        </a:prstGeom>
      </xdr:spPr>
    </xdr:pic>
    <xdr:clientData/>
  </xdr:oneCellAnchor>
  <xdr:oneCellAnchor>
    <xdr:from>
      <xdr:col>4</xdr:col>
      <xdr:colOff>495710</xdr:colOff>
      <xdr:row>88</xdr:row>
      <xdr:rowOff>10458</xdr:rowOff>
    </xdr:from>
    <xdr:ext cx="2537350" cy="3581587"/>
    <xdr:pic>
      <xdr:nvPicPr>
        <xdr:cNvPr id="16" name="Picture 15">
          <a:extLst>
            <a:ext uri="{FF2B5EF4-FFF2-40B4-BE49-F238E27FC236}">
              <a16:creationId xmlns:a16="http://schemas.microsoft.com/office/drawing/2014/main" id="{8A590EA1-52CD-46B0-B049-CD2ECB52C696}"/>
            </a:ext>
          </a:extLst>
        </xdr:cNvPr>
        <xdr:cNvPicPr>
          <a:picLocks noChangeAspect="1"/>
        </xdr:cNvPicPr>
      </xdr:nvPicPr>
      <xdr:blipFill>
        <a:blip xmlns:r="http://schemas.openxmlformats.org/officeDocument/2006/relationships" r:embed="rId15"/>
        <a:stretch>
          <a:fillRect/>
        </a:stretch>
      </xdr:blipFill>
      <xdr:spPr>
        <a:xfrm>
          <a:off x="2972210" y="21317883"/>
          <a:ext cx="2537350" cy="3581587"/>
        </a:xfrm>
        <a:prstGeom prst="rect">
          <a:avLst/>
        </a:prstGeom>
      </xdr:spPr>
    </xdr:pic>
    <xdr:clientData/>
  </xdr:oneCellAnchor>
  <xdr:oneCellAnchor>
    <xdr:from>
      <xdr:col>4</xdr:col>
      <xdr:colOff>455708</xdr:colOff>
      <xdr:row>200</xdr:row>
      <xdr:rowOff>7471</xdr:rowOff>
    </xdr:from>
    <xdr:ext cx="3020918" cy="3078435"/>
    <xdr:pic>
      <xdr:nvPicPr>
        <xdr:cNvPr id="17" name="Picture 16">
          <a:extLst>
            <a:ext uri="{FF2B5EF4-FFF2-40B4-BE49-F238E27FC236}">
              <a16:creationId xmlns:a16="http://schemas.microsoft.com/office/drawing/2014/main" id="{66B9056D-7CCD-4F04-8D4B-7510D847E2DA}"/>
            </a:ext>
          </a:extLst>
        </xdr:cNvPr>
        <xdr:cNvPicPr>
          <a:picLocks noChangeAspect="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xdr:blipFill>
      <xdr:spPr>
        <a:xfrm>
          <a:off x="2932208" y="42650896"/>
          <a:ext cx="3020918" cy="3078435"/>
        </a:xfrm>
        <a:prstGeom prst="rect">
          <a:avLst/>
        </a:prstGeom>
      </xdr:spPr>
    </xdr:pic>
    <xdr:clientData/>
  </xdr:oneCellAnchor>
  <xdr:oneCellAnchor>
    <xdr:from>
      <xdr:col>15</xdr:col>
      <xdr:colOff>148674</xdr:colOff>
      <xdr:row>145</xdr:row>
      <xdr:rowOff>5027</xdr:rowOff>
    </xdr:from>
    <xdr:ext cx="2356297" cy="2913440"/>
    <xdr:pic>
      <xdr:nvPicPr>
        <xdr:cNvPr id="18" name="Picture 17">
          <a:extLst>
            <a:ext uri="{FF2B5EF4-FFF2-40B4-BE49-F238E27FC236}">
              <a16:creationId xmlns:a16="http://schemas.microsoft.com/office/drawing/2014/main" id="{82F0041D-69A1-4191-BDC7-E898D4B0BEF3}"/>
            </a:ext>
          </a:extLst>
        </xdr:cNvPr>
        <xdr:cNvPicPr>
          <a:picLocks noChangeAspect="1"/>
        </xdr:cNvPicPr>
      </xdr:nvPicPr>
      <xdr:blipFill>
        <a:blip xmlns:r="http://schemas.openxmlformats.org/officeDocument/2006/relationships" r:embed="rId17"/>
        <a:stretch>
          <a:fillRect/>
        </a:stretch>
      </xdr:blipFill>
      <xdr:spPr>
        <a:xfrm>
          <a:off x="9330774" y="32170952"/>
          <a:ext cx="2356297" cy="2913440"/>
        </a:xfrm>
        <a:prstGeom prst="rect">
          <a:avLst/>
        </a:prstGeom>
      </xdr:spPr>
    </xdr:pic>
    <xdr:clientData/>
  </xdr:oneCellAnchor>
  <xdr:oneCellAnchor>
    <xdr:from>
      <xdr:col>10</xdr:col>
      <xdr:colOff>298037</xdr:colOff>
      <xdr:row>145</xdr:row>
      <xdr:rowOff>145191</xdr:rowOff>
    </xdr:from>
    <xdr:ext cx="2849053" cy="2101440"/>
    <xdr:pic>
      <xdr:nvPicPr>
        <xdr:cNvPr id="19" name="Picture 18">
          <a:extLst>
            <a:ext uri="{FF2B5EF4-FFF2-40B4-BE49-F238E27FC236}">
              <a16:creationId xmlns:a16="http://schemas.microsoft.com/office/drawing/2014/main" id="{01D939B9-A729-42F5-A131-E49FF2120D5C}"/>
            </a:ext>
          </a:extLst>
        </xdr:cNvPr>
        <xdr:cNvPicPr>
          <a:picLocks noChangeAspect="1"/>
        </xdr:cNvPicPr>
      </xdr:nvPicPr>
      <xdr:blipFill>
        <a:blip xmlns:r="http://schemas.openxmlformats.org/officeDocument/2006/relationships" r:embed="rId18"/>
        <a:stretch>
          <a:fillRect/>
        </a:stretch>
      </xdr:blipFill>
      <xdr:spPr>
        <a:xfrm>
          <a:off x="6432137" y="32311116"/>
          <a:ext cx="2849053" cy="2101440"/>
        </a:xfrm>
        <a:prstGeom prst="rect">
          <a:avLst/>
        </a:prstGeom>
      </xdr:spPr>
    </xdr:pic>
    <xdr:clientData/>
  </xdr:oneCellAnchor>
  <xdr:oneCellAnchor>
    <xdr:from>
      <xdr:col>10</xdr:col>
      <xdr:colOff>322595</xdr:colOff>
      <xdr:row>159</xdr:row>
      <xdr:rowOff>7186</xdr:rowOff>
    </xdr:from>
    <xdr:ext cx="2822341" cy="2111321"/>
    <xdr:pic>
      <xdr:nvPicPr>
        <xdr:cNvPr id="20" name="Picture 19">
          <a:extLst>
            <a:ext uri="{FF2B5EF4-FFF2-40B4-BE49-F238E27FC236}">
              <a16:creationId xmlns:a16="http://schemas.microsoft.com/office/drawing/2014/main" id="{131B7448-8C1A-4E6A-9275-0A91AAD07EF0}"/>
            </a:ext>
          </a:extLst>
        </xdr:cNvPr>
        <xdr:cNvPicPr>
          <a:picLocks noChangeAspect="1"/>
        </xdr:cNvPicPr>
      </xdr:nvPicPr>
      <xdr:blipFill>
        <a:blip xmlns:r="http://schemas.openxmlformats.org/officeDocument/2006/relationships" r:embed="rId19"/>
        <a:stretch>
          <a:fillRect/>
        </a:stretch>
      </xdr:blipFill>
      <xdr:spPr>
        <a:xfrm>
          <a:off x="6456695" y="34840111"/>
          <a:ext cx="2822341" cy="2111321"/>
        </a:xfrm>
        <a:prstGeom prst="rect">
          <a:avLst/>
        </a:prstGeom>
      </xdr:spPr>
    </xdr:pic>
    <xdr:clientData/>
  </xdr:oneCellAnchor>
  <xdr:oneCellAnchor>
    <xdr:from>
      <xdr:col>10</xdr:col>
      <xdr:colOff>341668</xdr:colOff>
      <xdr:row>170</xdr:row>
      <xdr:rowOff>186972</xdr:rowOff>
    </xdr:from>
    <xdr:ext cx="2776721" cy="598069"/>
    <xdr:pic>
      <xdr:nvPicPr>
        <xdr:cNvPr id="21" name="Picture 20">
          <a:extLst>
            <a:ext uri="{FF2B5EF4-FFF2-40B4-BE49-F238E27FC236}">
              <a16:creationId xmlns:a16="http://schemas.microsoft.com/office/drawing/2014/main" id="{2079283E-3525-4291-BF18-ABCD2BA3DB0F}"/>
            </a:ext>
          </a:extLst>
        </xdr:cNvPr>
        <xdr:cNvPicPr>
          <a:picLocks noChangeAspect="1"/>
        </xdr:cNvPicPr>
      </xdr:nvPicPr>
      <xdr:blipFill>
        <a:blip xmlns:r="http://schemas.openxmlformats.org/officeDocument/2006/relationships" r:embed="rId20"/>
        <a:stretch>
          <a:fillRect/>
        </a:stretch>
      </xdr:blipFill>
      <xdr:spPr>
        <a:xfrm>
          <a:off x="6475768" y="37115397"/>
          <a:ext cx="2776721" cy="598069"/>
        </a:xfrm>
        <a:prstGeom prst="rect">
          <a:avLst/>
        </a:prstGeom>
      </xdr:spPr>
    </xdr:pic>
    <xdr:clientData/>
  </xdr:oneCellAnchor>
  <xdr:oneCellAnchor>
    <xdr:from>
      <xdr:col>15</xdr:col>
      <xdr:colOff>54385</xdr:colOff>
      <xdr:row>165</xdr:row>
      <xdr:rowOff>24696</xdr:rowOff>
    </xdr:from>
    <xdr:ext cx="2329667" cy="2287506"/>
    <xdr:pic>
      <xdr:nvPicPr>
        <xdr:cNvPr id="22" name="Picture 21">
          <a:extLst>
            <a:ext uri="{FF2B5EF4-FFF2-40B4-BE49-F238E27FC236}">
              <a16:creationId xmlns:a16="http://schemas.microsoft.com/office/drawing/2014/main" id="{FC815E46-7224-44AE-A95B-F9527B8383BD}"/>
            </a:ext>
          </a:extLst>
        </xdr:cNvPr>
        <xdr:cNvPicPr>
          <a:picLocks noChangeAspect="1"/>
        </xdr:cNvPicPr>
      </xdr:nvPicPr>
      <xdr:blipFill>
        <a:blip xmlns:r="http://schemas.openxmlformats.org/officeDocument/2006/relationships" r:embed="rId21"/>
        <a:stretch>
          <a:fillRect/>
        </a:stretch>
      </xdr:blipFill>
      <xdr:spPr>
        <a:xfrm>
          <a:off x="9236485" y="36000621"/>
          <a:ext cx="2329667" cy="2287506"/>
        </a:xfrm>
        <a:prstGeom prst="rect">
          <a:avLst/>
        </a:prstGeom>
      </xdr:spPr>
    </xdr:pic>
    <xdr:clientData/>
  </xdr:oneCellAnchor>
  <xdr:oneCellAnchor>
    <xdr:from>
      <xdr:col>5</xdr:col>
      <xdr:colOff>257500</xdr:colOff>
      <xdr:row>143</xdr:row>
      <xdr:rowOff>134470</xdr:rowOff>
    </xdr:from>
    <xdr:ext cx="2186358" cy="2330824"/>
    <xdr:pic>
      <xdr:nvPicPr>
        <xdr:cNvPr id="23" name="Picture 22">
          <a:extLst>
            <a:ext uri="{FF2B5EF4-FFF2-40B4-BE49-F238E27FC236}">
              <a16:creationId xmlns:a16="http://schemas.microsoft.com/office/drawing/2014/main" id="{EF185A84-31C2-4672-AFA4-9359237EE34A}"/>
            </a:ext>
          </a:extLst>
        </xdr:cNvPr>
        <xdr:cNvPicPr>
          <a:picLocks noChangeAspect="1"/>
        </xdr:cNvPicPr>
      </xdr:nvPicPr>
      <xdr:blipFill>
        <a:blip xmlns:r="http://schemas.openxmlformats.org/officeDocument/2006/relationships" r:embed="rId22"/>
        <a:stretch>
          <a:fillRect/>
        </a:stretch>
      </xdr:blipFill>
      <xdr:spPr>
        <a:xfrm>
          <a:off x="3343600" y="31919395"/>
          <a:ext cx="2186358" cy="2330824"/>
        </a:xfrm>
        <a:prstGeom prst="rect">
          <a:avLst/>
        </a:prstGeom>
      </xdr:spPr>
    </xdr:pic>
    <xdr:clientData/>
  </xdr:oneCellAnchor>
  <xdr:oneCellAnchor>
    <xdr:from>
      <xdr:col>0</xdr:col>
      <xdr:colOff>126120</xdr:colOff>
      <xdr:row>142</xdr:row>
      <xdr:rowOff>170330</xdr:rowOff>
    </xdr:from>
    <xdr:ext cx="3312133" cy="2674470"/>
    <xdr:pic>
      <xdr:nvPicPr>
        <xdr:cNvPr id="24" name="Picture 23">
          <a:extLst>
            <a:ext uri="{FF2B5EF4-FFF2-40B4-BE49-F238E27FC236}">
              <a16:creationId xmlns:a16="http://schemas.microsoft.com/office/drawing/2014/main" id="{EDC9D13D-1D7F-46B6-9083-BE3AC51F9264}"/>
            </a:ext>
          </a:extLst>
        </xdr:cNvPr>
        <xdr:cNvPicPr>
          <a:picLocks noChangeAspect="1"/>
        </xdr:cNvPicPr>
      </xdr:nvPicPr>
      <xdr:blipFill>
        <a:blip xmlns:r="http://schemas.openxmlformats.org/officeDocument/2006/relationships" r:embed="rId23">
          <a:extLst>
            <a:ext uri="{28A0092B-C50C-407E-A947-70E740481C1C}">
              <a14:useLocalDpi xmlns:a14="http://schemas.microsoft.com/office/drawing/2010/main" val="0"/>
            </a:ext>
          </a:extLst>
        </a:blip>
        <a:srcRect/>
        <a:stretch/>
      </xdr:blipFill>
      <xdr:spPr>
        <a:xfrm>
          <a:off x="126120" y="31764755"/>
          <a:ext cx="3312133" cy="2674470"/>
        </a:xfrm>
        <a:prstGeom prst="rect">
          <a:avLst/>
        </a:prstGeom>
      </xdr:spPr>
    </xdr:pic>
    <xdr:clientData/>
  </xdr:oneCellAnchor>
  <xdr:oneCellAnchor>
    <xdr:from>
      <xdr:col>0</xdr:col>
      <xdr:colOff>164095</xdr:colOff>
      <xdr:row>156</xdr:row>
      <xdr:rowOff>174812</xdr:rowOff>
    </xdr:from>
    <xdr:ext cx="3308674" cy="2263301"/>
    <xdr:pic>
      <xdr:nvPicPr>
        <xdr:cNvPr id="25" name="Picture 24">
          <a:extLst>
            <a:ext uri="{FF2B5EF4-FFF2-40B4-BE49-F238E27FC236}">
              <a16:creationId xmlns:a16="http://schemas.microsoft.com/office/drawing/2014/main" id="{7AAD3514-CBFA-418E-8673-14DE4D5CD8A7}"/>
            </a:ext>
          </a:extLst>
        </xdr:cNvPr>
        <xdr:cNvPicPr>
          <a:picLocks noChangeAspect="1"/>
        </xdr:cNvPicPr>
      </xdr:nvPicPr>
      <xdr:blipFill>
        <a:blip xmlns:r="http://schemas.openxmlformats.org/officeDocument/2006/relationships" r:embed="rId24">
          <a:extLst>
            <a:ext uri="{28A0092B-C50C-407E-A947-70E740481C1C}">
              <a14:useLocalDpi xmlns:a14="http://schemas.microsoft.com/office/drawing/2010/main" val="0"/>
            </a:ext>
          </a:extLst>
        </a:blip>
        <a:srcRect/>
        <a:stretch/>
      </xdr:blipFill>
      <xdr:spPr>
        <a:xfrm>
          <a:off x="164095" y="34436237"/>
          <a:ext cx="3308674" cy="2263301"/>
        </a:xfrm>
        <a:prstGeom prst="rect">
          <a:avLst/>
        </a:prstGeom>
      </xdr:spPr>
    </xdr:pic>
    <xdr:clientData/>
  </xdr:oneCellAnchor>
  <xdr:oneCellAnchor>
    <xdr:from>
      <xdr:col>0</xdr:col>
      <xdr:colOff>35859</xdr:colOff>
      <xdr:row>169</xdr:row>
      <xdr:rowOff>58270</xdr:rowOff>
    </xdr:from>
    <xdr:ext cx="3442633" cy="1148338"/>
    <xdr:pic>
      <xdr:nvPicPr>
        <xdr:cNvPr id="26" name="Picture 25">
          <a:extLst>
            <a:ext uri="{FF2B5EF4-FFF2-40B4-BE49-F238E27FC236}">
              <a16:creationId xmlns:a16="http://schemas.microsoft.com/office/drawing/2014/main" id="{5C4E27B8-6345-4FE0-9562-D3DBB2B7C220}"/>
            </a:ext>
          </a:extLst>
        </xdr:cNvPr>
        <xdr:cNvPicPr>
          <a:picLocks noChangeAspect="1"/>
        </xdr:cNvPicPr>
      </xdr:nvPicPr>
      <xdr:blipFill>
        <a:blip xmlns:r="http://schemas.openxmlformats.org/officeDocument/2006/relationships" r:embed="rId25"/>
        <a:stretch>
          <a:fillRect/>
        </a:stretch>
      </xdr:blipFill>
      <xdr:spPr>
        <a:xfrm>
          <a:off x="35859" y="36796195"/>
          <a:ext cx="3442633" cy="1148338"/>
        </a:xfrm>
        <a:prstGeom prst="rect">
          <a:avLst/>
        </a:prstGeom>
      </xdr:spPr>
    </xdr:pic>
    <xdr:clientData/>
  </xdr:oneCellAnchor>
  <xdr:oneCellAnchor>
    <xdr:from>
      <xdr:col>5</xdr:col>
      <xdr:colOff>144872</xdr:colOff>
      <xdr:row>160</xdr:row>
      <xdr:rowOff>8580</xdr:rowOff>
    </xdr:from>
    <xdr:ext cx="2191617" cy="2498493"/>
    <xdr:pic>
      <xdr:nvPicPr>
        <xdr:cNvPr id="27" name="Picture 26">
          <a:extLst>
            <a:ext uri="{FF2B5EF4-FFF2-40B4-BE49-F238E27FC236}">
              <a16:creationId xmlns:a16="http://schemas.microsoft.com/office/drawing/2014/main" id="{ACA525A9-6DEB-4871-BA1C-95399BA3817F}"/>
            </a:ext>
          </a:extLst>
        </xdr:cNvPr>
        <xdr:cNvPicPr>
          <a:picLocks noChangeAspect="1"/>
        </xdr:cNvPicPr>
      </xdr:nvPicPr>
      <xdr:blipFill>
        <a:blip xmlns:r="http://schemas.openxmlformats.org/officeDocument/2006/relationships" r:embed="rId26">
          <a:extLst>
            <a:ext uri="{28A0092B-C50C-407E-A947-70E740481C1C}">
              <a14:useLocalDpi xmlns:a14="http://schemas.microsoft.com/office/drawing/2010/main" val="0"/>
            </a:ext>
          </a:extLst>
        </a:blip>
        <a:srcRect/>
        <a:stretch/>
      </xdr:blipFill>
      <xdr:spPr>
        <a:xfrm>
          <a:off x="3230972" y="35032005"/>
          <a:ext cx="2191617" cy="2498493"/>
        </a:xfrm>
        <a:prstGeom prst="rect">
          <a:avLst/>
        </a:prstGeom>
      </xdr:spPr>
    </xdr:pic>
    <xdr:clientData/>
  </xdr:oneCellAnchor>
  <xdr:oneCellAnchor>
    <xdr:from>
      <xdr:col>0</xdr:col>
      <xdr:colOff>0</xdr:colOff>
      <xdr:row>199</xdr:row>
      <xdr:rowOff>182796</xdr:rowOff>
    </xdr:from>
    <xdr:ext cx="2994715" cy="2196819"/>
    <xdr:pic>
      <xdr:nvPicPr>
        <xdr:cNvPr id="28" name="Picture 27">
          <a:extLst>
            <a:ext uri="{FF2B5EF4-FFF2-40B4-BE49-F238E27FC236}">
              <a16:creationId xmlns:a16="http://schemas.microsoft.com/office/drawing/2014/main" id="{B7F0E8C1-CDDF-483A-99BA-F9184E3B289F}"/>
            </a:ext>
          </a:extLst>
        </xdr:cNvPr>
        <xdr:cNvPicPr>
          <a:picLocks noChangeAspect="1"/>
        </xdr:cNvPicPr>
      </xdr:nvPicPr>
      <xdr:blipFill>
        <a:blip xmlns:r="http://schemas.openxmlformats.org/officeDocument/2006/relationships" r:embed="rId27">
          <a:extLst>
            <a:ext uri="{28A0092B-C50C-407E-A947-70E740481C1C}">
              <a14:useLocalDpi xmlns:a14="http://schemas.microsoft.com/office/drawing/2010/main" val="0"/>
            </a:ext>
          </a:extLst>
        </a:blip>
        <a:srcRect/>
        <a:stretch/>
      </xdr:blipFill>
      <xdr:spPr>
        <a:xfrm>
          <a:off x="0" y="42635721"/>
          <a:ext cx="2994715" cy="2196819"/>
        </a:xfrm>
        <a:prstGeom prst="rect">
          <a:avLst/>
        </a:prstGeom>
      </xdr:spPr>
    </xdr:pic>
    <xdr:clientData/>
  </xdr:oneCellAnchor>
  <xdr:oneCellAnchor>
    <xdr:from>
      <xdr:col>0</xdr:col>
      <xdr:colOff>0</xdr:colOff>
      <xdr:row>212</xdr:row>
      <xdr:rowOff>26543</xdr:rowOff>
    </xdr:from>
    <xdr:ext cx="2890370" cy="2259617"/>
    <xdr:pic>
      <xdr:nvPicPr>
        <xdr:cNvPr id="29" name="Picture 28">
          <a:extLst>
            <a:ext uri="{FF2B5EF4-FFF2-40B4-BE49-F238E27FC236}">
              <a16:creationId xmlns:a16="http://schemas.microsoft.com/office/drawing/2014/main" id="{A2A5FB59-E3FA-4CF0-83B4-4D4888FBC507}"/>
            </a:ext>
          </a:extLst>
        </xdr:cNvPr>
        <xdr:cNvPicPr>
          <a:picLocks noChangeAspect="1"/>
        </xdr:cNvPicPr>
      </xdr:nvPicPr>
      <xdr:blipFill>
        <a:blip xmlns:r="http://schemas.openxmlformats.org/officeDocument/2006/relationships" r:embed="rId28">
          <a:extLst>
            <a:ext uri="{28A0092B-C50C-407E-A947-70E740481C1C}">
              <a14:useLocalDpi xmlns:a14="http://schemas.microsoft.com/office/drawing/2010/main" val="0"/>
            </a:ext>
          </a:extLst>
        </a:blip>
        <a:srcRect/>
        <a:stretch/>
      </xdr:blipFill>
      <xdr:spPr>
        <a:xfrm>
          <a:off x="0" y="44955968"/>
          <a:ext cx="2890370" cy="2259617"/>
        </a:xfrm>
        <a:prstGeom prst="rect">
          <a:avLst/>
        </a:prstGeom>
      </xdr:spPr>
    </xdr:pic>
    <xdr:clientData/>
  </xdr:oneCellAnchor>
  <xdr:oneCellAnchor>
    <xdr:from>
      <xdr:col>0</xdr:col>
      <xdr:colOff>0</xdr:colOff>
      <xdr:row>224</xdr:row>
      <xdr:rowOff>123639</xdr:rowOff>
    </xdr:from>
    <xdr:ext cx="2845939" cy="705036"/>
    <xdr:pic>
      <xdr:nvPicPr>
        <xdr:cNvPr id="30" name="Picture 29">
          <a:extLst>
            <a:ext uri="{FF2B5EF4-FFF2-40B4-BE49-F238E27FC236}">
              <a16:creationId xmlns:a16="http://schemas.microsoft.com/office/drawing/2014/main" id="{47E7CA8C-12DB-4C32-994D-A3F874242264}"/>
            </a:ext>
          </a:extLst>
        </xdr:cNvPr>
        <xdr:cNvPicPr>
          <a:picLocks noChangeAspect="1"/>
        </xdr:cNvPicPr>
      </xdr:nvPicPr>
      <xdr:blipFill>
        <a:blip xmlns:r="http://schemas.openxmlformats.org/officeDocument/2006/relationships" r:embed="rId29">
          <a:extLst>
            <a:ext uri="{28A0092B-C50C-407E-A947-70E740481C1C}">
              <a14:useLocalDpi xmlns:a14="http://schemas.microsoft.com/office/drawing/2010/main" val="0"/>
            </a:ext>
          </a:extLst>
        </a:blip>
        <a:srcRect/>
        <a:stretch/>
      </xdr:blipFill>
      <xdr:spPr>
        <a:xfrm>
          <a:off x="0" y="47339064"/>
          <a:ext cx="2845939" cy="705036"/>
        </a:xfrm>
        <a:prstGeom prst="rect">
          <a:avLst/>
        </a:prstGeom>
      </xdr:spPr>
    </xdr:pic>
    <xdr:clientData/>
  </xdr:oneCellAnchor>
  <xdr:oneCellAnchor>
    <xdr:from>
      <xdr:col>4</xdr:col>
      <xdr:colOff>532066</xdr:colOff>
      <xdr:row>218</xdr:row>
      <xdr:rowOff>2275</xdr:rowOff>
    </xdr:from>
    <xdr:ext cx="2829572" cy="3281947"/>
    <xdr:pic>
      <xdr:nvPicPr>
        <xdr:cNvPr id="31" name="Picture 30">
          <a:extLst>
            <a:ext uri="{FF2B5EF4-FFF2-40B4-BE49-F238E27FC236}">
              <a16:creationId xmlns:a16="http://schemas.microsoft.com/office/drawing/2014/main" id="{815A4D56-0CEA-4068-A4A4-0D4384EC8C29}"/>
            </a:ext>
          </a:extLst>
        </xdr:cNvPr>
        <xdr:cNvPicPr>
          <a:picLocks noChangeAspect="1"/>
        </xdr:cNvPicPr>
      </xdr:nvPicPr>
      <xdr:blipFill>
        <a:blip xmlns:r="http://schemas.openxmlformats.org/officeDocument/2006/relationships" r:embed="rId30">
          <a:extLst>
            <a:ext uri="{28A0092B-C50C-407E-A947-70E740481C1C}">
              <a14:useLocalDpi xmlns:a14="http://schemas.microsoft.com/office/drawing/2010/main" val="0"/>
            </a:ext>
          </a:extLst>
        </a:blip>
        <a:srcRect/>
        <a:stretch/>
      </xdr:blipFill>
      <xdr:spPr>
        <a:xfrm>
          <a:off x="3008566" y="46074700"/>
          <a:ext cx="2829572" cy="3281947"/>
        </a:xfrm>
        <a:prstGeom prst="rect">
          <a:avLst/>
        </a:prstGeom>
      </xdr:spPr>
    </xdr:pic>
    <xdr:clientData/>
  </xdr:oneCellAnchor>
  <xdr:oneCellAnchor>
    <xdr:from>
      <xdr:col>14</xdr:col>
      <xdr:colOff>596995</xdr:colOff>
      <xdr:row>200</xdr:row>
      <xdr:rowOff>119529</xdr:rowOff>
    </xdr:from>
    <xdr:ext cx="2882295" cy="3966696"/>
    <xdr:pic>
      <xdr:nvPicPr>
        <xdr:cNvPr id="32" name="Picture 31">
          <a:extLst>
            <a:ext uri="{FF2B5EF4-FFF2-40B4-BE49-F238E27FC236}">
              <a16:creationId xmlns:a16="http://schemas.microsoft.com/office/drawing/2014/main" id="{D6554974-2E9A-4EE0-B318-72B6D66BFD2A}"/>
            </a:ext>
          </a:extLst>
        </xdr:cNvPr>
        <xdr:cNvPicPr>
          <a:picLocks noChangeAspect="1"/>
        </xdr:cNvPicPr>
      </xdr:nvPicPr>
      <xdr:blipFill>
        <a:blip xmlns:r="http://schemas.openxmlformats.org/officeDocument/2006/relationships" r:embed="rId31"/>
        <a:stretch>
          <a:fillRect/>
        </a:stretch>
      </xdr:blipFill>
      <xdr:spPr>
        <a:xfrm>
          <a:off x="9169495" y="42762954"/>
          <a:ext cx="2882295" cy="3966696"/>
        </a:xfrm>
        <a:prstGeom prst="rect">
          <a:avLst/>
        </a:prstGeom>
      </xdr:spPr>
    </xdr:pic>
    <xdr:clientData/>
  </xdr:oneCellAnchor>
  <xdr:oneCellAnchor>
    <xdr:from>
      <xdr:col>10</xdr:col>
      <xdr:colOff>300047</xdr:colOff>
      <xdr:row>200</xdr:row>
      <xdr:rowOff>52294</xdr:rowOff>
    </xdr:from>
    <xdr:ext cx="2858073" cy="2262281"/>
    <xdr:pic>
      <xdr:nvPicPr>
        <xdr:cNvPr id="33" name="Picture 32">
          <a:extLst>
            <a:ext uri="{FF2B5EF4-FFF2-40B4-BE49-F238E27FC236}">
              <a16:creationId xmlns:a16="http://schemas.microsoft.com/office/drawing/2014/main" id="{94BF37D5-50E2-4F9A-AA60-64F255631835}"/>
            </a:ext>
          </a:extLst>
        </xdr:cNvPr>
        <xdr:cNvPicPr>
          <a:picLocks noChangeAspect="1"/>
        </xdr:cNvPicPr>
      </xdr:nvPicPr>
      <xdr:blipFill>
        <a:blip xmlns:r="http://schemas.openxmlformats.org/officeDocument/2006/relationships" r:embed="rId32">
          <a:extLst>
            <a:ext uri="{28A0092B-C50C-407E-A947-70E740481C1C}">
              <a14:useLocalDpi xmlns:a14="http://schemas.microsoft.com/office/drawing/2010/main" val="0"/>
            </a:ext>
          </a:extLst>
        </a:blip>
        <a:srcRect/>
        <a:stretch/>
      </xdr:blipFill>
      <xdr:spPr>
        <a:xfrm>
          <a:off x="6434147" y="42695719"/>
          <a:ext cx="2858073" cy="2262281"/>
        </a:xfrm>
        <a:prstGeom prst="rect">
          <a:avLst/>
        </a:prstGeom>
      </xdr:spPr>
    </xdr:pic>
    <xdr:clientData/>
  </xdr:oneCellAnchor>
  <xdr:oneCellAnchor>
    <xdr:from>
      <xdr:col>10</xdr:col>
      <xdr:colOff>263144</xdr:colOff>
      <xdr:row>213</xdr:row>
      <xdr:rowOff>52293</xdr:rowOff>
    </xdr:from>
    <xdr:ext cx="2794256" cy="2233707"/>
    <xdr:pic>
      <xdr:nvPicPr>
        <xdr:cNvPr id="34" name="Picture 33">
          <a:extLst>
            <a:ext uri="{FF2B5EF4-FFF2-40B4-BE49-F238E27FC236}">
              <a16:creationId xmlns:a16="http://schemas.microsoft.com/office/drawing/2014/main" id="{40165CFB-1FB8-4AD1-90C9-8E540D0B44D9}"/>
            </a:ext>
          </a:extLst>
        </xdr:cNvPr>
        <xdr:cNvPicPr>
          <a:picLocks noChangeAspect="1"/>
        </xdr:cNvPicPr>
      </xdr:nvPicPr>
      <xdr:blipFill>
        <a:blip xmlns:r="http://schemas.openxmlformats.org/officeDocument/2006/relationships" r:embed="rId33">
          <a:extLst>
            <a:ext uri="{28A0092B-C50C-407E-A947-70E740481C1C}">
              <a14:useLocalDpi xmlns:a14="http://schemas.microsoft.com/office/drawing/2010/main" val="0"/>
            </a:ext>
          </a:extLst>
        </a:blip>
        <a:srcRect/>
        <a:stretch/>
      </xdr:blipFill>
      <xdr:spPr>
        <a:xfrm>
          <a:off x="6397244" y="45172218"/>
          <a:ext cx="2794256" cy="2233707"/>
        </a:xfrm>
        <a:prstGeom prst="rect">
          <a:avLst/>
        </a:prstGeom>
      </xdr:spPr>
    </xdr:pic>
    <xdr:clientData/>
  </xdr:oneCellAnchor>
  <xdr:oneCellAnchor>
    <xdr:from>
      <xdr:col>10</xdr:col>
      <xdr:colOff>274470</xdr:colOff>
      <xdr:row>226</xdr:row>
      <xdr:rowOff>1</xdr:rowOff>
    </xdr:from>
    <xdr:ext cx="2795826" cy="642623"/>
    <xdr:pic>
      <xdr:nvPicPr>
        <xdr:cNvPr id="35" name="Picture 34">
          <a:extLst>
            <a:ext uri="{FF2B5EF4-FFF2-40B4-BE49-F238E27FC236}">
              <a16:creationId xmlns:a16="http://schemas.microsoft.com/office/drawing/2014/main" id="{2FC7B506-D192-430A-BDEC-B14537894E14}"/>
            </a:ext>
          </a:extLst>
        </xdr:cNvPr>
        <xdr:cNvPicPr>
          <a:picLocks noChangeAspect="1"/>
        </xdr:cNvPicPr>
      </xdr:nvPicPr>
      <xdr:blipFill>
        <a:blip xmlns:r="http://schemas.openxmlformats.org/officeDocument/2006/relationships" r:embed="rId34">
          <a:extLst>
            <a:ext uri="{28A0092B-C50C-407E-A947-70E740481C1C}">
              <a14:useLocalDpi xmlns:a14="http://schemas.microsoft.com/office/drawing/2010/main" val="0"/>
            </a:ext>
          </a:extLst>
        </a:blip>
        <a:srcRect/>
        <a:stretch/>
      </xdr:blipFill>
      <xdr:spPr>
        <a:xfrm>
          <a:off x="6408570" y="47596426"/>
          <a:ext cx="2795826" cy="642623"/>
        </a:xfrm>
        <a:prstGeom prst="rect">
          <a:avLst/>
        </a:prstGeom>
      </xdr:spPr>
    </xdr:pic>
    <xdr:clientData/>
  </xdr:oneCellAnchor>
  <xdr:oneCellAnchor>
    <xdr:from>
      <xdr:col>15</xdr:col>
      <xdr:colOff>124135</xdr:colOff>
      <xdr:row>223</xdr:row>
      <xdr:rowOff>130517</xdr:rowOff>
    </xdr:from>
    <xdr:ext cx="2761939" cy="3151554"/>
    <xdr:pic>
      <xdr:nvPicPr>
        <xdr:cNvPr id="36" name="Picture 35">
          <a:extLst>
            <a:ext uri="{FF2B5EF4-FFF2-40B4-BE49-F238E27FC236}">
              <a16:creationId xmlns:a16="http://schemas.microsoft.com/office/drawing/2014/main" id="{048B3F6E-4AE5-4D37-A303-15A6066E5914}"/>
            </a:ext>
          </a:extLst>
        </xdr:cNvPr>
        <xdr:cNvPicPr>
          <a:picLocks noChangeAspect="1"/>
        </xdr:cNvPicPr>
      </xdr:nvPicPr>
      <xdr:blipFill>
        <a:blip xmlns:r="http://schemas.openxmlformats.org/officeDocument/2006/relationships" r:embed="rId35">
          <a:extLst>
            <a:ext uri="{28A0092B-C50C-407E-A947-70E740481C1C}">
              <a14:useLocalDpi xmlns:a14="http://schemas.microsoft.com/office/drawing/2010/main" val="0"/>
            </a:ext>
          </a:extLst>
        </a:blip>
        <a:srcRect/>
        <a:stretch/>
      </xdr:blipFill>
      <xdr:spPr>
        <a:xfrm>
          <a:off x="9306235" y="47155442"/>
          <a:ext cx="2761939" cy="3151554"/>
        </a:xfrm>
        <a:prstGeom prst="rect">
          <a:avLst/>
        </a:prstGeom>
      </xdr:spPr>
    </xdr:pic>
    <xdr:clientData/>
  </xdr:oneCellAnchor>
  <xdr:oneCellAnchor>
    <xdr:from>
      <xdr:col>4</xdr:col>
      <xdr:colOff>612589</xdr:colOff>
      <xdr:row>256</xdr:row>
      <xdr:rowOff>13579</xdr:rowOff>
    </xdr:from>
    <xdr:ext cx="3294137" cy="2104137"/>
    <xdr:pic>
      <xdr:nvPicPr>
        <xdr:cNvPr id="37" name="Picture 36">
          <a:extLst>
            <a:ext uri="{FF2B5EF4-FFF2-40B4-BE49-F238E27FC236}">
              <a16:creationId xmlns:a16="http://schemas.microsoft.com/office/drawing/2014/main" id="{F3695924-694F-4D00-B73B-A8F7A64D2866}"/>
            </a:ext>
          </a:extLst>
        </xdr:cNvPr>
        <xdr:cNvPicPr>
          <a:picLocks noChangeAspect="1"/>
        </xdr:cNvPicPr>
      </xdr:nvPicPr>
      <xdr:blipFill>
        <a:blip xmlns:r="http://schemas.openxmlformats.org/officeDocument/2006/relationships" r:embed="rId36"/>
        <a:stretch>
          <a:fillRect/>
        </a:stretch>
      </xdr:blipFill>
      <xdr:spPr>
        <a:xfrm>
          <a:off x="3089089" y="53325004"/>
          <a:ext cx="3294137" cy="2104137"/>
        </a:xfrm>
        <a:prstGeom prst="rect">
          <a:avLst/>
        </a:prstGeom>
      </xdr:spPr>
    </xdr:pic>
    <xdr:clientData/>
  </xdr:oneCellAnchor>
  <xdr:oneCellAnchor>
    <xdr:from>
      <xdr:col>0</xdr:col>
      <xdr:colOff>0</xdr:colOff>
      <xdr:row>256</xdr:row>
      <xdr:rowOff>0</xdr:rowOff>
    </xdr:from>
    <xdr:ext cx="3168370" cy="2368176"/>
    <xdr:pic>
      <xdr:nvPicPr>
        <xdr:cNvPr id="38" name="Picture 37">
          <a:extLst>
            <a:ext uri="{FF2B5EF4-FFF2-40B4-BE49-F238E27FC236}">
              <a16:creationId xmlns:a16="http://schemas.microsoft.com/office/drawing/2014/main" id="{D6B518D3-7170-466D-A511-D7797788F028}"/>
            </a:ext>
          </a:extLst>
        </xdr:cNvPr>
        <xdr:cNvPicPr>
          <a:picLocks noChangeAspect="1"/>
        </xdr:cNvPicPr>
      </xdr:nvPicPr>
      <xdr:blipFill>
        <a:blip xmlns:r="http://schemas.openxmlformats.org/officeDocument/2006/relationships" r:embed="rId37"/>
        <a:stretch>
          <a:fillRect/>
        </a:stretch>
      </xdr:blipFill>
      <xdr:spPr>
        <a:xfrm>
          <a:off x="0" y="53311425"/>
          <a:ext cx="3168370" cy="2368176"/>
        </a:xfrm>
        <a:prstGeom prst="rect">
          <a:avLst/>
        </a:prstGeom>
      </xdr:spPr>
    </xdr:pic>
    <xdr:clientData/>
  </xdr:oneCellAnchor>
  <xdr:oneCellAnchor>
    <xdr:from>
      <xdr:col>0</xdr:col>
      <xdr:colOff>0</xdr:colOff>
      <xdr:row>269</xdr:row>
      <xdr:rowOff>0</xdr:rowOff>
    </xdr:from>
    <xdr:ext cx="3178736" cy="2350190"/>
    <xdr:pic>
      <xdr:nvPicPr>
        <xdr:cNvPr id="39" name="Picture 38">
          <a:extLst>
            <a:ext uri="{FF2B5EF4-FFF2-40B4-BE49-F238E27FC236}">
              <a16:creationId xmlns:a16="http://schemas.microsoft.com/office/drawing/2014/main" id="{BE77AB83-ED9E-45B5-9DAB-A8701FC20E31}"/>
            </a:ext>
          </a:extLst>
        </xdr:cNvPr>
        <xdr:cNvPicPr>
          <a:picLocks noChangeAspect="1"/>
        </xdr:cNvPicPr>
      </xdr:nvPicPr>
      <xdr:blipFill>
        <a:blip xmlns:r="http://schemas.openxmlformats.org/officeDocument/2006/relationships" r:embed="rId38"/>
        <a:stretch>
          <a:fillRect/>
        </a:stretch>
      </xdr:blipFill>
      <xdr:spPr>
        <a:xfrm>
          <a:off x="0" y="55787925"/>
          <a:ext cx="3178736" cy="2350190"/>
        </a:xfrm>
        <a:prstGeom prst="rect">
          <a:avLst/>
        </a:prstGeom>
      </xdr:spPr>
    </xdr:pic>
    <xdr:clientData/>
  </xdr:oneCellAnchor>
  <xdr:oneCellAnchor>
    <xdr:from>
      <xdr:col>0</xdr:col>
      <xdr:colOff>1</xdr:colOff>
      <xdr:row>282</xdr:row>
      <xdr:rowOff>1</xdr:rowOff>
    </xdr:from>
    <xdr:ext cx="3210321" cy="713441"/>
    <xdr:pic>
      <xdr:nvPicPr>
        <xdr:cNvPr id="40" name="Picture 39">
          <a:extLst>
            <a:ext uri="{FF2B5EF4-FFF2-40B4-BE49-F238E27FC236}">
              <a16:creationId xmlns:a16="http://schemas.microsoft.com/office/drawing/2014/main" id="{F25208CE-E9E8-42C6-B4B7-97AC7D13B503}"/>
            </a:ext>
          </a:extLst>
        </xdr:cNvPr>
        <xdr:cNvPicPr>
          <a:picLocks noChangeAspect="1"/>
        </xdr:cNvPicPr>
      </xdr:nvPicPr>
      <xdr:blipFill>
        <a:blip xmlns:r="http://schemas.openxmlformats.org/officeDocument/2006/relationships" r:embed="rId39"/>
        <a:stretch>
          <a:fillRect/>
        </a:stretch>
      </xdr:blipFill>
      <xdr:spPr>
        <a:xfrm>
          <a:off x="1" y="58264426"/>
          <a:ext cx="3210321" cy="713441"/>
        </a:xfrm>
        <a:prstGeom prst="rect">
          <a:avLst/>
        </a:prstGeom>
      </xdr:spPr>
    </xdr:pic>
    <xdr:clientData/>
  </xdr:oneCellAnchor>
  <xdr:oneCellAnchor>
    <xdr:from>
      <xdr:col>5</xdr:col>
      <xdr:colOff>135557</xdr:colOff>
      <xdr:row>268</xdr:row>
      <xdr:rowOff>156881</xdr:rowOff>
    </xdr:from>
    <xdr:ext cx="2975942" cy="3007758"/>
    <xdr:pic>
      <xdr:nvPicPr>
        <xdr:cNvPr id="41" name="Picture 40">
          <a:extLst>
            <a:ext uri="{FF2B5EF4-FFF2-40B4-BE49-F238E27FC236}">
              <a16:creationId xmlns:a16="http://schemas.microsoft.com/office/drawing/2014/main" id="{088E126A-610C-4AD2-BCA2-CE33FE6B3B06}"/>
            </a:ext>
          </a:extLst>
        </xdr:cNvPr>
        <xdr:cNvPicPr>
          <a:picLocks noChangeAspect="1"/>
        </xdr:cNvPicPr>
      </xdr:nvPicPr>
      <xdr:blipFill>
        <a:blip xmlns:r="http://schemas.openxmlformats.org/officeDocument/2006/relationships" r:embed="rId40"/>
        <a:stretch>
          <a:fillRect/>
        </a:stretch>
      </xdr:blipFill>
      <xdr:spPr>
        <a:xfrm>
          <a:off x="3221657" y="55754306"/>
          <a:ext cx="2975942" cy="3007758"/>
        </a:xfrm>
        <a:prstGeom prst="rect">
          <a:avLst/>
        </a:prstGeom>
      </xdr:spPr>
    </xdr:pic>
    <xdr:clientData/>
  </xdr:oneCellAnchor>
  <xdr:oneCellAnchor>
    <xdr:from>
      <xdr:col>15</xdr:col>
      <xdr:colOff>154998</xdr:colOff>
      <xdr:row>255</xdr:row>
      <xdr:rowOff>171823</xdr:rowOff>
    </xdr:from>
    <xdr:ext cx="2888568" cy="3290200"/>
    <xdr:pic>
      <xdr:nvPicPr>
        <xdr:cNvPr id="42" name="Picture 41">
          <a:extLst>
            <a:ext uri="{FF2B5EF4-FFF2-40B4-BE49-F238E27FC236}">
              <a16:creationId xmlns:a16="http://schemas.microsoft.com/office/drawing/2014/main" id="{B187F81F-7C60-45C3-8E07-2B0F14871DB0}"/>
            </a:ext>
          </a:extLst>
        </xdr:cNvPr>
        <xdr:cNvPicPr>
          <a:picLocks noChangeAspect="1"/>
        </xdr:cNvPicPr>
      </xdr:nvPicPr>
      <xdr:blipFill>
        <a:blip xmlns:r="http://schemas.openxmlformats.org/officeDocument/2006/relationships" r:embed="rId41"/>
        <a:stretch>
          <a:fillRect/>
        </a:stretch>
      </xdr:blipFill>
      <xdr:spPr>
        <a:xfrm>
          <a:off x="9337098" y="53292748"/>
          <a:ext cx="2888568" cy="3290200"/>
        </a:xfrm>
        <a:prstGeom prst="rect">
          <a:avLst/>
        </a:prstGeom>
      </xdr:spPr>
    </xdr:pic>
    <xdr:clientData/>
  </xdr:oneCellAnchor>
  <xdr:oneCellAnchor>
    <xdr:from>
      <xdr:col>10</xdr:col>
      <xdr:colOff>0</xdr:colOff>
      <xdr:row>256</xdr:row>
      <xdr:rowOff>1</xdr:rowOff>
    </xdr:from>
    <xdr:ext cx="3358964" cy="2434049"/>
    <xdr:pic>
      <xdr:nvPicPr>
        <xdr:cNvPr id="43" name="Picture 42">
          <a:extLst>
            <a:ext uri="{FF2B5EF4-FFF2-40B4-BE49-F238E27FC236}">
              <a16:creationId xmlns:a16="http://schemas.microsoft.com/office/drawing/2014/main" id="{EAD02F6C-6D82-461E-803B-30DC1D3C7FDE}"/>
            </a:ext>
          </a:extLst>
        </xdr:cNvPr>
        <xdr:cNvPicPr>
          <a:picLocks noChangeAspect="1"/>
        </xdr:cNvPicPr>
      </xdr:nvPicPr>
      <xdr:blipFill>
        <a:blip xmlns:r="http://schemas.openxmlformats.org/officeDocument/2006/relationships" r:embed="rId42"/>
        <a:stretch>
          <a:fillRect/>
        </a:stretch>
      </xdr:blipFill>
      <xdr:spPr>
        <a:xfrm>
          <a:off x="6134100" y="53311426"/>
          <a:ext cx="3358964" cy="2434049"/>
        </a:xfrm>
        <a:prstGeom prst="rect">
          <a:avLst/>
        </a:prstGeom>
      </xdr:spPr>
    </xdr:pic>
    <xdr:clientData/>
  </xdr:oneCellAnchor>
  <xdr:oneCellAnchor>
    <xdr:from>
      <xdr:col>10</xdr:col>
      <xdr:colOff>1</xdr:colOff>
      <xdr:row>269</xdr:row>
      <xdr:rowOff>0</xdr:rowOff>
    </xdr:from>
    <xdr:ext cx="3404699" cy="2435412"/>
    <xdr:pic>
      <xdr:nvPicPr>
        <xdr:cNvPr id="44" name="Picture 43">
          <a:extLst>
            <a:ext uri="{FF2B5EF4-FFF2-40B4-BE49-F238E27FC236}">
              <a16:creationId xmlns:a16="http://schemas.microsoft.com/office/drawing/2014/main" id="{5F8E10E7-1650-48C3-A4D3-60CFE3AC02FA}"/>
            </a:ext>
          </a:extLst>
        </xdr:cNvPr>
        <xdr:cNvPicPr>
          <a:picLocks noChangeAspect="1"/>
        </xdr:cNvPicPr>
      </xdr:nvPicPr>
      <xdr:blipFill>
        <a:blip xmlns:r="http://schemas.openxmlformats.org/officeDocument/2006/relationships" r:embed="rId43"/>
        <a:stretch>
          <a:fillRect/>
        </a:stretch>
      </xdr:blipFill>
      <xdr:spPr>
        <a:xfrm>
          <a:off x="6134101" y="55787925"/>
          <a:ext cx="3404699" cy="2435412"/>
        </a:xfrm>
        <a:prstGeom prst="rect">
          <a:avLst/>
        </a:prstGeom>
      </xdr:spPr>
    </xdr:pic>
    <xdr:clientData/>
  </xdr:oneCellAnchor>
  <xdr:oneCellAnchor>
    <xdr:from>
      <xdr:col>10</xdr:col>
      <xdr:colOff>0</xdr:colOff>
      <xdr:row>282</xdr:row>
      <xdr:rowOff>0</xdr:rowOff>
    </xdr:from>
    <xdr:ext cx="3441140" cy="775766"/>
    <xdr:pic>
      <xdr:nvPicPr>
        <xdr:cNvPr id="45" name="Picture 44">
          <a:extLst>
            <a:ext uri="{FF2B5EF4-FFF2-40B4-BE49-F238E27FC236}">
              <a16:creationId xmlns:a16="http://schemas.microsoft.com/office/drawing/2014/main" id="{2C79578F-CF0F-48B4-BC9E-C9586875C522}"/>
            </a:ext>
          </a:extLst>
        </xdr:cNvPr>
        <xdr:cNvPicPr>
          <a:picLocks noChangeAspect="1"/>
        </xdr:cNvPicPr>
      </xdr:nvPicPr>
      <xdr:blipFill>
        <a:blip xmlns:r="http://schemas.openxmlformats.org/officeDocument/2006/relationships" r:embed="rId44"/>
        <a:stretch>
          <a:fillRect/>
        </a:stretch>
      </xdr:blipFill>
      <xdr:spPr>
        <a:xfrm>
          <a:off x="6134100" y="58264425"/>
          <a:ext cx="3441140" cy="775766"/>
        </a:xfrm>
        <a:prstGeom prst="rect">
          <a:avLst/>
        </a:prstGeom>
      </xdr:spPr>
    </xdr:pic>
    <xdr:clientData/>
  </xdr:oneCellAnchor>
  <xdr:oneCellAnchor>
    <xdr:from>
      <xdr:col>15</xdr:col>
      <xdr:colOff>213798</xdr:colOff>
      <xdr:row>274</xdr:row>
      <xdr:rowOff>37351</xdr:rowOff>
    </xdr:from>
    <xdr:ext cx="2668606" cy="2683297"/>
    <xdr:pic>
      <xdr:nvPicPr>
        <xdr:cNvPr id="46" name="Picture 45">
          <a:extLst>
            <a:ext uri="{FF2B5EF4-FFF2-40B4-BE49-F238E27FC236}">
              <a16:creationId xmlns:a16="http://schemas.microsoft.com/office/drawing/2014/main" id="{C8960457-254C-4055-BEDE-E5C0C16F86BB}"/>
            </a:ext>
          </a:extLst>
        </xdr:cNvPr>
        <xdr:cNvPicPr>
          <a:picLocks noChangeAspect="1"/>
        </xdr:cNvPicPr>
      </xdr:nvPicPr>
      <xdr:blipFill>
        <a:blip xmlns:r="http://schemas.openxmlformats.org/officeDocument/2006/relationships" r:embed="rId45"/>
        <a:stretch>
          <a:fillRect/>
        </a:stretch>
      </xdr:blipFill>
      <xdr:spPr>
        <a:xfrm>
          <a:off x="9395898" y="56777776"/>
          <a:ext cx="2668606" cy="2683297"/>
        </a:xfrm>
        <a:prstGeom prst="rect">
          <a:avLst/>
        </a:prstGeom>
      </xdr:spPr>
    </xdr:pic>
    <xdr:clientData/>
  </xdr:oneCellAnchor>
  <xdr:oneCellAnchor>
    <xdr:from>
      <xdr:col>0</xdr:col>
      <xdr:colOff>14941</xdr:colOff>
      <xdr:row>311</xdr:row>
      <xdr:rowOff>164352</xdr:rowOff>
    </xdr:from>
    <xdr:ext cx="3262340" cy="2424207"/>
    <xdr:pic>
      <xdr:nvPicPr>
        <xdr:cNvPr id="47" name="Picture 46">
          <a:extLst>
            <a:ext uri="{FF2B5EF4-FFF2-40B4-BE49-F238E27FC236}">
              <a16:creationId xmlns:a16="http://schemas.microsoft.com/office/drawing/2014/main" id="{59C54E51-E18A-4109-B014-34116E0AC6B7}"/>
            </a:ext>
          </a:extLst>
        </xdr:cNvPr>
        <xdr:cNvPicPr>
          <a:picLocks noChangeAspect="1"/>
        </xdr:cNvPicPr>
      </xdr:nvPicPr>
      <xdr:blipFill>
        <a:blip xmlns:r="http://schemas.openxmlformats.org/officeDocument/2006/relationships" r:embed="rId46"/>
        <a:stretch>
          <a:fillRect/>
        </a:stretch>
      </xdr:blipFill>
      <xdr:spPr>
        <a:xfrm>
          <a:off x="14941" y="63953277"/>
          <a:ext cx="3262340" cy="2424207"/>
        </a:xfrm>
        <a:prstGeom prst="rect">
          <a:avLst/>
        </a:prstGeom>
      </xdr:spPr>
    </xdr:pic>
    <xdr:clientData/>
  </xdr:oneCellAnchor>
  <xdr:oneCellAnchor>
    <xdr:from>
      <xdr:col>0</xdr:col>
      <xdr:colOff>0</xdr:colOff>
      <xdr:row>324</xdr:row>
      <xdr:rowOff>152400</xdr:rowOff>
    </xdr:from>
    <xdr:ext cx="3168276" cy="2617970"/>
    <xdr:pic>
      <xdr:nvPicPr>
        <xdr:cNvPr id="48" name="Picture 47">
          <a:extLst>
            <a:ext uri="{FF2B5EF4-FFF2-40B4-BE49-F238E27FC236}">
              <a16:creationId xmlns:a16="http://schemas.microsoft.com/office/drawing/2014/main" id="{BC0F6716-4013-4162-81D4-20A40F070635}"/>
            </a:ext>
          </a:extLst>
        </xdr:cNvPr>
        <xdr:cNvPicPr>
          <a:picLocks noChangeAspect="1"/>
        </xdr:cNvPicPr>
      </xdr:nvPicPr>
      <xdr:blipFill>
        <a:blip xmlns:r="http://schemas.openxmlformats.org/officeDocument/2006/relationships" r:embed="rId47">
          <a:extLst>
            <a:ext uri="{28A0092B-C50C-407E-A947-70E740481C1C}">
              <a14:useLocalDpi xmlns:a14="http://schemas.microsoft.com/office/drawing/2010/main" val="0"/>
            </a:ext>
          </a:extLst>
        </a:blip>
        <a:srcRect/>
        <a:stretch/>
      </xdr:blipFill>
      <xdr:spPr>
        <a:xfrm>
          <a:off x="0" y="66417825"/>
          <a:ext cx="3168276" cy="2617970"/>
        </a:xfrm>
        <a:prstGeom prst="rect">
          <a:avLst/>
        </a:prstGeom>
      </xdr:spPr>
    </xdr:pic>
    <xdr:clientData/>
  </xdr:oneCellAnchor>
  <xdr:oneCellAnchor>
    <xdr:from>
      <xdr:col>0</xdr:col>
      <xdr:colOff>0</xdr:colOff>
      <xdr:row>338</xdr:row>
      <xdr:rowOff>89647</xdr:rowOff>
    </xdr:from>
    <xdr:ext cx="3306669" cy="721800"/>
    <xdr:pic>
      <xdr:nvPicPr>
        <xdr:cNvPr id="49" name="Picture 48">
          <a:extLst>
            <a:ext uri="{FF2B5EF4-FFF2-40B4-BE49-F238E27FC236}">
              <a16:creationId xmlns:a16="http://schemas.microsoft.com/office/drawing/2014/main" id="{F4D1F6EA-75E7-47D4-9DBE-2665F53A9760}"/>
            </a:ext>
          </a:extLst>
        </xdr:cNvPr>
        <xdr:cNvPicPr>
          <a:picLocks noChangeAspect="1"/>
        </xdr:cNvPicPr>
      </xdr:nvPicPr>
      <xdr:blipFill>
        <a:blip xmlns:r="http://schemas.openxmlformats.org/officeDocument/2006/relationships" r:embed="rId48"/>
        <a:stretch>
          <a:fillRect/>
        </a:stretch>
      </xdr:blipFill>
      <xdr:spPr>
        <a:xfrm>
          <a:off x="0" y="69022072"/>
          <a:ext cx="3306669" cy="721800"/>
        </a:xfrm>
        <a:prstGeom prst="rect">
          <a:avLst/>
        </a:prstGeom>
      </xdr:spPr>
    </xdr:pic>
    <xdr:clientData/>
  </xdr:oneCellAnchor>
  <xdr:oneCellAnchor>
    <xdr:from>
      <xdr:col>5</xdr:col>
      <xdr:colOff>123840</xdr:colOff>
      <xdr:row>312</xdr:row>
      <xdr:rowOff>74706</xdr:rowOff>
    </xdr:from>
    <xdr:ext cx="3025013" cy="4140891"/>
    <xdr:pic>
      <xdr:nvPicPr>
        <xdr:cNvPr id="50" name="Picture 49">
          <a:extLst>
            <a:ext uri="{FF2B5EF4-FFF2-40B4-BE49-F238E27FC236}">
              <a16:creationId xmlns:a16="http://schemas.microsoft.com/office/drawing/2014/main" id="{2899E73C-D9EB-48B0-9C7D-1B6EF25A0C60}"/>
            </a:ext>
          </a:extLst>
        </xdr:cNvPr>
        <xdr:cNvPicPr>
          <a:picLocks noChangeAspect="1"/>
        </xdr:cNvPicPr>
      </xdr:nvPicPr>
      <xdr:blipFill>
        <a:blip xmlns:r="http://schemas.openxmlformats.org/officeDocument/2006/relationships" r:embed="rId49"/>
        <a:stretch>
          <a:fillRect/>
        </a:stretch>
      </xdr:blipFill>
      <xdr:spPr>
        <a:xfrm>
          <a:off x="3209940" y="64054131"/>
          <a:ext cx="3025013" cy="4140891"/>
        </a:xfrm>
        <a:prstGeom prst="rect">
          <a:avLst/>
        </a:prstGeom>
      </xdr:spPr>
    </xdr:pic>
    <xdr:clientData/>
  </xdr:oneCellAnchor>
  <xdr:oneCellAnchor>
    <xdr:from>
      <xdr:col>5</xdr:col>
      <xdr:colOff>157583</xdr:colOff>
      <xdr:row>335</xdr:row>
      <xdr:rowOff>180787</xdr:rowOff>
    </xdr:from>
    <xdr:ext cx="3071205" cy="3441803"/>
    <xdr:pic>
      <xdr:nvPicPr>
        <xdr:cNvPr id="51" name="Picture 50">
          <a:extLst>
            <a:ext uri="{FF2B5EF4-FFF2-40B4-BE49-F238E27FC236}">
              <a16:creationId xmlns:a16="http://schemas.microsoft.com/office/drawing/2014/main" id="{7F97189A-FAAB-4CEE-88D5-88D2B8B9FE88}"/>
            </a:ext>
          </a:extLst>
        </xdr:cNvPr>
        <xdr:cNvPicPr>
          <a:picLocks noChangeAspect="1"/>
        </xdr:cNvPicPr>
      </xdr:nvPicPr>
      <xdr:blipFill>
        <a:blip xmlns:r="http://schemas.openxmlformats.org/officeDocument/2006/relationships" r:embed="rId50">
          <a:extLst>
            <a:ext uri="{28A0092B-C50C-407E-A947-70E740481C1C}">
              <a14:useLocalDpi xmlns:a14="http://schemas.microsoft.com/office/drawing/2010/main" val="0"/>
            </a:ext>
          </a:extLst>
        </a:blip>
        <a:srcRect/>
        <a:stretch/>
      </xdr:blipFill>
      <xdr:spPr>
        <a:xfrm>
          <a:off x="3243683" y="68541712"/>
          <a:ext cx="3071205" cy="3441803"/>
        </a:xfrm>
        <a:prstGeom prst="rect">
          <a:avLst/>
        </a:prstGeom>
      </xdr:spPr>
    </xdr:pic>
    <xdr:clientData/>
  </xdr:oneCellAnchor>
  <xdr:oneCellAnchor>
    <xdr:from>
      <xdr:col>14</xdr:col>
      <xdr:colOff>553397</xdr:colOff>
      <xdr:row>313</xdr:row>
      <xdr:rowOff>14940</xdr:rowOff>
    </xdr:from>
    <xdr:ext cx="3309678" cy="5323792"/>
    <xdr:pic>
      <xdr:nvPicPr>
        <xdr:cNvPr id="52" name="Picture 51">
          <a:extLst>
            <a:ext uri="{FF2B5EF4-FFF2-40B4-BE49-F238E27FC236}">
              <a16:creationId xmlns:a16="http://schemas.microsoft.com/office/drawing/2014/main" id="{1A432FA8-CECF-4DAA-8687-DA84C8DDCC74}"/>
            </a:ext>
          </a:extLst>
        </xdr:cNvPr>
        <xdr:cNvPicPr>
          <a:picLocks noChangeAspect="1"/>
        </xdr:cNvPicPr>
      </xdr:nvPicPr>
      <xdr:blipFill>
        <a:blip xmlns:r="http://schemas.openxmlformats.org/officeDocument/2006/relationships" r:embed="rId51"/>
        <a:stretch>
          <a:fillRect/>
        </a:stretch>
      </xdr:blipFill>
      <xdr:spPr>
        <a:xfrm>
          <a:off x="9125897" y="64184865"/>
          <a:ext cx="3309678" cy="5323792"/>
        </a:xfrm>
        <a:prstGeom prst="rect">
          <a:avLst/>
        </a:prstGeom>
      </xdr:spPr>
    </xdr:pic>
    <xdr:clientData/>
  </xdr:oneCellAnchor>
  <xdr:oneCellAnchor>
    <xdr:from>
      <xdr:col>10</xdr:col>
      <xdr:colOff>0</xdr:colOff>
      <xdr:row>313</xdr:row>
      <xdr:rowOff>1</xdr:rowOff>
    </xdr:from>
    <xdr:ext cx="3048460" cy="2244912"/>
    <xdr:pic>
      <xdr:nvPicPr>
        <xdr:cNvPr id="53" name="Picture 52">
          <a:extLst>
            <a:ext uri="{FF2B5EF4-FFF2-40B4-BE49-F238E27FC236}">
              <a16:creationId xmlns:a16="http://schemas.microsoft.com/office/drawing/2014/main" id="{C91CEB74-BE9F-4554-87E0-8635ECEF37E7}"/>
            </a:ext>
          </a:extLst>
        </xdr:cNvPr>
        <xdr:cNvPicPr>
          <a:picLocks noChangeAspect="1"/>
        </xdr:cNvPicPr>
      </xdr:nvPicPr>
      <xdr:blipFill>
        <a:blip xmlns:r="http://schemas.openxmlformats.org/officeDocument/2006/relationships" r:embed="rId52"/>
        <a:stretch>
          <a:fillRect/>
        </a:stretch>
      </xdr:blipFill>
      <xdr:spPr>
        <a:xfrm>
          <a:off x="6134100" y="64169926"/>
          <a:ext cx="3048460" cy="2244912"/>
        </a:xfrm>
        <a:prstGeom prst="rect">
          <a:avLst/>
        </a:prstGeom>
      </xdr:spPr>
    </xdr:pic>
    <xdr:clientData/>
  </xdr:oneCellAnchor>
  <xdr:oneCellAnchor>
    <xdr:from>
      <xdr:col>10</xdr:col>
      <xdr:colOff>0</xdr:colOff>
      <xdr:row>325</xdr:row>
      <xdr:rowOff>186764</xdr:rowOff>
    </xdr:from>
    <xdr:ext cx="2991970" cy="2243514"/>
    <xdr:pic>
      <xdr:nvPicPr>
        <xdr:cNvPr id="54" name="Picture 53">
          <a:extLst>
            <a:ext uri="{FF2B5EF4-FFF2-40B4-BE49-F238E27FC236}">
              <a16:creationId xmlns:a16="http://schemas.microsoft.com/office/drawing/2014/main" id="{00BFDE60-8581-48DE-83F4-9A55F942675E}"/>
            </a:ext>
          </a:extLst>
        </xdr:cNvPr>
        <xdr:cNvPicPr>
          <a:picLocks noChangeAspect="1"/>
        </xdr:cNvPicPr>
      </xdr:nvPicPr>
      <xdr:blipFill>
        <a:blip xmlns:r="http://schemas.openxmlformats.org/officeDocument/2006/relationships" r:embed="rId53"/>
        <a:stretch>
          <a:fillRect/>
        </a:stretch>
      </xdr:blipFill>
      <xdr:spPr>
        <a:xfrm>
          <a:off x="6134100" y="66642689"/>
          <a:ext cx="2991970" cy="2243514"/>
        </a:xfrm>
        <a:prstGeom prst="rect">
          <a:avLst/>
        </a:prstGeom>
      </xdr:spPr>
    </xdr:pic>
    <xdr:clientData/>
  </xdr:oneCellAnchor>
  <xdr:oneCellAnchor>
    <xdr:from>
      <xdr:col>10</xdr:col>
      <xdr:colOff>7471</xdr:colOff>
      <xdr:row>338</xdr:row>
      <xdr:rowOff>37353</xdr:rowOff>
    </xdr:from>
    <xdr:ext cx="3029323" cy="631165"/>
    <xdr:pic>
      <xdr:nvPicPr>
        <xdr:cNvPr id="55" name="Picture 54">
          <a:extLst>
            <a:ext uri="{FF2B5EF4-FFF2-40B4-BE49-F238E27FC236}">
              <a16:creationId xmlns:a16="http://schemas.microsoft.com/office/drawing/2014/main" id="{7D692F46-3AB8-4D18-87FC-C686598904F7}"/>
            </a:ext>
          </a:extLst>
        </xdr:cNvPr>
        <xdr:cNvPicPr>
          <a:picLocks noChangeAspect="1"/>
        </xdr:cNvPicPr>
      </xdr:nvPicPr>
      <xdr:blipFill>
        <a:blip xmlns:r="http://schemas.openxmlformats.org/officeDocument/2006/relationships" r:embed="rId54"/>
        <a:stretch>
          <a:fillRect/>
        </a:stretch>
      </xdr:blipFill>
      <xdr:spPr>
        <a:xfrm>
          <a:off x="6141571" y="68969778"/>
          <a:ext cx="3029323" cy="631165"/>
        </a:xfrm>
        <a:prstGeom prst="rect">
          <a:avLst/>
        </a:prstGeom>
      </xdr:spPr>
    </xdr:pic>
    <xdr:clientData/>
  </xdr:oneCellAnchor>
  <xdr:oneCellAnchor>
    <xdr:from>
      <xdr:col>15</xdr:col>
      <xdr:colOff>13760</xdr:colOff>
      <xdr:row>341</xdr:row>
      <xdr:rowOff>112059</xdr:rowOff>
    </xdr:from>
    <xdr:ext cx="2400032" cy="2414901"/>
    <xdr:pic>
      <xdr:nvPicPr>
        <xdr:cNvPr id="56" name="Picture 55">
          <a:extLst>
            <a:ext uri="{FF2B5EF4-FFF2-40B4-BE49-F238E27FC236}">
              <a16:creationId xmlns:a16="http://schemas.microsoft.com/office/drawing/2014/main" id="{D0564571-D48F-4ED7-B192-86C254210CC1}"/>
            </a:ext>
          </a:extLst>
        </xdr:cNvPr>
        <xdr:cNvPicPr>
          <a:picLocks noChangeAspect="1"/>
        </xdr:cNvPicPr>
      </xdr:nvPicPr>
      <xdr:blipFill>
        <a:blip xmlns:r="http://schemas.openxmlformats.org/officeDocument/2006/relationships" r:embed="rId55"/>
        <a:stretch>
          <a:fillRect/>
        </a:stretch>
      </xdr:blipFill>
      <xdr:spPr>
        <a:xfrm>
          <a:off x="9195860" y="69615984"/>
          <a:ext cx="2400032" cy="2414901"/>
        </a:xfrm>
        <a:prstGeom prst="rect">
          <a:avLst/>
        </a:prstGeom>
      </xdr:spPr>
    </xdr:pic>
    <xdr:clientData/>
  </xdr:oneCellAnchor>
  <xdr:oneCellAnchor>
    <xdr:from>
      <xdr:col>5</xdr:col>
      <xdr:colOff>8839</xdr:colOff>
      <xdr:row>368</xdr:row>
      <xdr:rowOff>117356</xdr:rowOff>
    </xdr:from>
    <xdr:ext cx="3029580" cy="3496849"/>
    <xdr:pic>
      <xdr:nvPicPr>
        <xdr:cNvPr id="57" name="Picture 56">
          <a:extLst>
            <a:ext uri="{FF2B5EF4-FFF2-40B4-BE49-F238E27FC236}">
              <a16:creationId xmlns:a16="http://schemas.microsoft.com/office/drawing/2014/main" id="{DF6D8A1F-1374-45BD-AF2D-57C02494862C}"/>
            </a:ext>
          </a:extLst>
        </xdr:cNvPr>
        <xdr:cNvPicPr>
          <a:picLocks noChangeAspect="1"/>
        </xdr:cNvPicPr>
      </xdr:nvPicPr>
      <xdr:blipFill>
        <a:blip xmlns:r="http://schemas.openxmlformats.org/officeDocument/2006/relationships" r:embed="rId56"/>
        <a:stretch>
          <a:fillRect/>
        </a:stretch>
      </xdr:blipFill>
      <xdr:spPr>
        <a:xfrm>
          <a:off x="3094939" y="74764781"/>
          <a:ext cx="3029580" cy="3496849"/>
        </a:xfrm>
        <a:prstGeom prst="rect">
          <a:avLst/>
        </a:prstGeom>
      </xdr:spPr>
    </xdr:pic>
    <xdr:clientData/>
  </xdr:oneCellAnchor>
  <xdr:oneCellAnchor>
    <xdr:from>
      <xdr:col>0</xdr:col>
      <xdr:colOff>62490</xdr:colOff>
      <xdr:row>367</xdr:row>
      <xdr:rowOff>171144</xdr:rowOff>
    </xdr:from>
    <xdr:ext cx="3126191" cy="2559424"/>
    <xdr:pic>
      <xdr:nvPicPr>
        <xdr:cNvPr id="58" name="Picture 57">
          <a:extLst>
            <a:ext uri="{FF2B5EF4-FFF2-40B4-BE49-F238E27FC236}">
              <a16:creationId xmlns:a16="http://schemas.microsoft.com/office/drawing/2014/main" id="{31E7B5DC-427D-4198-9A76-8D74408505EF}"/>
            </a:ext>
          </a:extLst>
        </xdr:cNvPr>
        <xdr:cNvPicPr>
          <a:picLocks noChangeAspect="1"/>
        </xdr:cNvPicPr>
      </xdr:nvPicPr>
      <xdr:blipFill>
        <a:blip xmlns:r="http://schemas.openxmlformats.org/officeDocument/2006/relationships" r:embed="rId57">
          <a:extLst>
            <a:ext uri="{28A0092B-C50C-407E-A947-70E740481C1C}">
              <a14:useLocalDpi xmlns:a14="http://schemas.microsoft.com/office/drawing/2010/main" val="0"/>
            </a:ext>
          </a:extLst>
        </a:blip>
        <a:srcRect/>
        <a:stretch/>
      </xdr:blipFill>
      <xdr:spPr>
        <a:xfrm>
          <a:off x="62490" y="74628069"/>
          <a:ext cx="3126191" cy="2559424"/>
        </a:xfrm>
        <a:prstGeom prst="rect">
          <a:avLst/>
        </a:prstGeom>
      </xdr:spPr>
    </xdr:pic>
    <xdr:clientData/>
  </xdr:oneCellAnchor>
  <xdr:oneCellAnchor>
    <xdr:from>
      <xdr:col>0</xdr:col>
      <xdr:colOff>0</xdr:colOff>
      <xdr:row>381</xdr:row>
      <xdr:rowOff>27709</xdr:rowOff>
    </xdr:from>
    <xdr:ext cx="3254375" cy="2452353"/>
    <xdr:pic>
      <xdr:nvPicPr>
        <xdr:cNvPr id="59" name="Picture 58">
          <a:extLst>
            <a:ext uri="{FF2B5EF4-FFF2-40B4-BE49-F238E27FC236}">
              <a16:creationId xmlns:a16="http://schemas.microsoft.com/office/drawing/2014/main" id="{432FDD76-7F70-4234-9B2D-B14207025888}"/>
            </a:ext>
          </a:extLst>
        </xdr:cNvPr>
        <xdr:cNvPicPr>
          <a:picLocks noChangeAspect="1"/>
        </xdr:cNvPicPr>
      </xdr:nvPicPr>
      <xdr:blipFill>
        <a:blip xmlns:r="http://schemas.openxmlformats.org/officeDocument/2006/relationships" r:embed="rId58"/>
        <a:stretch>
          <a:fillRect/>
        </a:stretch>
      </xdr:blipFill>
      <xdr:spPr>
        <a:xfrm>
          <a:off x="0" y="77151634"/>
          <a:ext cx="3254375" cy="2452353"/>
        </a:xfrm>
        <a:prstGeom prst="rect">
          <a:avLst/>
        </a:prstGeom>
      </xdr:spPr>
    </xdr:pic>
    <xdr:clientData/>
  </xdr:oneCellAnchor>
  <xdr:oneCellAnchor>
    <xdr:from>
      <xdr:col>0</xdr:col>
      <xdr:colOff>0</xdr:colOff>
      <xdr:row>394</xdr:row>
      <xdr:rowOff>27708</xdr:rowOff>
    </xdr:from>
    <xdr:ext cx="3178736" cy="726464"/>
    <xdr:pic>
      <xdr:nvPicPr>
        <xdr:cNvPr id="60" name="Picture 59">
          <a:extLst>
            <a:ext uri="{FF2B5EF4-FFF2-40B4-BE49-F238E27FC236}">
              <a16:creationId xmlns:a16="http://schemas.microsoft.com/office/drawing/2014/main" id="{41FFB2B2-EE0B-4E4E-B4FF-D380D4946A21}"/>
            </a:ext>
          </a:extLst>
        </xdr:cNvPr>
        <xdr:cNvPicPr>
          <a:picLocks noChangeAspect="1"/>
        </xdr:cNvPicPr>
      </xdr:nvPicPr>
      <xdr:blipFill>
        <a:blip xmlns:r="http://schemas.openxmlformats.org/officeDocument/2006/relationships" r:embed="rId59"/>
        <a:stretch>
          <a:fillRect/>
        </a:stretch>
      </xdr:blipFill>
      <xdr:spPr>
        <a:xfrm>
          <a:off x="0" y="79628133"/>
          <a:ext cx="3178736" cy="726464"/>
        </a:xfrm>
        <a:prstGeom prst="rect">
          <a:avLst/>
        </a:prstGeom>
      </xdr:spPr>
    </xdr:pic>
    <xdr:clientData/>
  </xdr:oneCellAnchor>
  <xdr:oneCellAnchor>
    <xdr:from>
      <xdr:col>5</xdr:col>
      <xdr:colOff>86339</xdr:colOff>
      <xdr:row>387</xdr:row>
      <xdr:rowOff>94943</xdr:rowOff>
    </xdr:from>
    <xdr:ext cx="2883041" cy="3047516"/>
    <xdr:pic>
      <xdr:nvPicPr>
        <xdr:cNvPr id="61" name="Picture 60">
          <a:extLst>
            <a:ext uri="{FF2B5EF4-FFF2-40B4-BE49-F238E27FC236}">
              <a16:creationId xmlns:a16="http://schemas.microsoft.com/office/drawing/2014/main" id="{EC95ACDF-59DE-42FD-B24E-2151978DC550}"/>
            </a:ext>
          </a:extLst>
        </xdr:cNvPr>
        <xdr:cNvPicPr>
          <a:picLocks noChangeAspect="1"/>
        </xdr:cNvPicPr>
      </xdr:nvPicPr>
      <xdr:blipFill>
        <a:blip xmlns:r="http://schemas.openxmlformats.org/officeDocument/2006/relationships" r:embed="rId60">
          <a:extLst>
            <a:ext uri="{28A0092B-C50C-407E-A947-70E740481C1C}">
              <a14:useLocalDpi xmlns:a14="http://schemas.microsoft.com/office/drawing/2010/main" val="0"/>
            </a:ext>
          </a:extLst>
        </a:blip>
        <a:srcRect/>
        <a:stretch/>
      </xdr:blipFill>
      <xdr:spPr>
        <a:xfrm>
          <a:off x="3172439" y="78361868"/>
          <a:ext cx="2883041" cy="3047516"/>
        </a:xfrm>
        <a:prstGeom prst="rect">
          <a:avLst/>
        </a:prstGeom>
      </xdr:spPr>
    </xdr:pic>
    <xdr:clientData/>
  </xdr:oneCellAnchor>
  <xdr:oneCellAnchor>
    <xdr:from>
      <xdr:col>15</xdr:col>
      <xdr:colOff>334853</xdr:colOff>
      <xdr:row>367</xdr:row>
      <xdr:rowOff>179294</xdr:rowOff>
    </xdr:from>
    <xdr:ext cx="2813745" cy="3965497"/>
    <xdr:pic>
      <xdr:nvPicPr>
        <xdr:cNvPr id="62" name="Picture 61">
          <a:extLst>
            <a:ext uri="{FF2B5EF4-FFF2-40B4-BE49-F238E27FC236}">
              <a16:creationId xmlns:a16="http://schemas.microsoft.com/office/drawing/2014/main" id="{A13B9C04-BAD5-4E51-9631-546979D8507B}"/>
            </a:ext>
          </a:extLst>
        </xdr:cNvPr>
        <xdr:cNvPicPr>
          <a:picLocks noChangeAspect="1"/>
        </xdr:cNvPicPr>
      </xdr:nvPicPr>
      <xdr:blipFill>
        <a:blip xmlns:r="http://schemas.openxmlformats.org/officeDocument/2006/relationships" r:embed="rId61"/>
        <a:stretch>
          <a:fillRect/>
        </a:stretch>
      </xdr:blipFill>
      <xdr:spPr>
        <a:xfrm>
          <a:off x="9516953" y="74636219"/>
          <a:ext cx="2813745" cy="3965497"/>
        </a:xfrm>
        <a:prstGeom prst="rect">
          <a:avLst/>
        </a:prstGeom>
      </xdr:spPr>
    </xdr:pic>
    <xdr:clientData/>
  </xdr:oneCellAnchor>
  <xdr:oneCellAnchor>
    <xdr:from>
      <xdr:col>10</xdr:col>
      <xdr:colOff>0</xdr:colOff>
      <xdr:row>368</xdr:row>
      <xdr:rowOff>0</xdr:rowOff>
    </xdr:from>
    <xdr:ext cx="3475796" cy="2566147"/>
    <xdr:pic>
      <xdr:nvPicPr>
        <xdr:cNvPr id="63" name="Picture 62">
          <a:extLst>
            <a:ext uri="{FF2B5EF4-FFF2-40B4-BE49-F238E27FC236}">
              <a16:creationId xmlns:a16="http://schemas.microsoft.com/office/drawing/2014/main" id="{35C28888-1971-4555-95AC-5DB1BFED7F22}"/>
            </a:ext>
          </a:extLst>
        </xdr:cNvPr>
        <xdr:cNvPicPr>
          <a:picLocks noChangeAspect="1"/>
        </xdr:cNvPicPr>
      </xdr:nvPicPr>
      <xdr:blipFill>
        <a:blip xmlns:r="http://schemas.openxmlformats.org/officeDocument/2006/relationships" r:embed="rId62"/>
        <a:stretch>
          <a:fillRect/>
        </a:stretch>
      </xdr:blipFill>
      <xdr:spPr>
        <a:xfrm>
          <a:off x="6134100" y="74647425"/>
          <a:ext cx="3475796" cy="2566147"/>
        </a:xfrm>
        <a:prstGeom prst="rect">
          <a:avLst/>
        </a:prstGeom>
      </xdr:spPr>
    </xdr:pic>
    <xdr:clientData/>
  </xdr:oneCellAnchor>
  <xdr:oneCellAnchor>
    <xdr:from>
      <xdr:col>10</xdr:col>
      <xdr:colOff>1</xdr:colOff>
      <xdr:row>381</xdr:row>
      <xdr:rowOff>104587</xdr:rowOff>
    </xdr:from>
    <xdr:ext cx="3429867" cy="2675921"/>
    <xdr:pic>
      <xdr:nvPicPr>
        <xdr:cNvPr id="64" name="Picture 63">
          <a:extLst>
            <a:ext uri="{FF2B5EF4-FFF2-40B4-BE49-F238E27FC236}">
              <a16:creationId xmlns:a16="http://schemas.microsoft.com/office/drawing/2014/main" id="{630B3062-F185-42DD-80CE-B0FAF953DFE9}"/>
            </a:ext>
          </a:extLst>
        </xdr:cNvPr>
        <xdr:cNvPicPr>
          <a:picLocks noChangeAspect="1"/>
        </xdr:cNvPicPr>
      </xdr:nvPicPr>
      <xdr:blipFill>
        <a:blip xmlns:r="http://schemas.openxmlformats.org/officeDocument/2006/relationships" r:embed="rId63"/>
        <a:stretch>
          <a:fillRect/>
        </a:stretch>
      </xdr:blipFill>
      <xdr:spPr>
        <a:xfrm>
          <a:off x="6134101" y="77228512"/>
          <a:ext cx="3429867" cy="2675921"/>
        </a:xfrm>
        <a:prstGeom prst="rect">
          <a:avLst/>
        </a:prstGeom>
      </xdr:spPr>
    </xdr:pic>
    <xdr:clientData/>
  </xdr:oneCellAnchor>
  <xdr:oneCellAnchor>
    <xdr:from>
      <xdr:col>10</xdr:col>
      <xdr:colOff>0</xdr:colOff>
      <xdr:row>396</xdr:row>
      <xdr:rowOff>1</xdr:rowOff>
    </xdr:from>
    <xdr:ext cx="3433669" cy="766049"/>
    <xdr:pic>
      <xdr:nvPicPr>
        <xdr:cNvPr id="65" name="Picture 64">
          <a:extLst>
            <a:ext uri="{FF2B5EF4-FFF2-40B4-BE49-F238E27FC236}">
              <a16:creationId xmlns:a16="http://schemas.microsoft.com/office/drawing/2014/main" id="{BBF34251-6397-41CD-B851-4CAB787BD130}"/>
            </a:ext>
          </a:extLst>
        </xdr:cNvPr>
        <xdr:cNvPicPr>
          <a:picLocks noChangeAspect="1"/>
        </xdr:cNvPicPr>
      </xdr:nvPicPr>
      <xdr:blipFill>
        <a:blip xmlns:r="http://schemas.openxmlformats.org/officeDocument/2006/relationships" r:embed="rId64"/>
        <a:stretch>
          <a:fillRect/>
        </a:stretch>
      </xdr:blipFill>
      <xdr:spPr>
        <a:xfrm>
          <a:off x="6134100" y="79981426"/>
          <a:ext cx="3433669" cy="766049"/>
        </a:xfrm>
        <a:prstGeom prst="rect">
          <a:avLst/>
        </a:prstGeom>
      </xdr:spPr>
    </xdr:pic>
    <xdr:clientData/>
  </xdr:oneCellAnchor>
  <xdr:oneCellAnchor>
    <xdr:from>
      <xdr:col>15</xdr:col>
      <xdr:colOff>311679</xdr:colOff>
      <xdr:row>389</xdr:row>
      <xdr:rowOff>126999</xdr:rowOff>
    </xdr:from>
    <xdr:ext cx="2769937" cy="2778683"/>
    <xdr:pic>
      <xdr:nvPicPr>
        <xdr:cNvPr id="66" name="Picture 65">
          <a:extLst>
            <a:ext uri="{FF2B5EF4-FFF2-40B4-BE49-F238E27FC236}">
              <a16:creationId xmlns:a16="http://schemas.microsoft.com/office/drawing/2014/main" id="{B039560D-981B-4B0E-94F0-650B25D2416E}"/>
            </a:ext>
          </a:extLst>
        </xdr:cNvPr>
        <xdr:cNvPicPr>
          <a:picLocks noChangeAspect="1"/>
        </xdr:cNvPicPr>
      </xdr:nvPicPr>
      <xdr:blipFill>
        <a:blip xmlns:r="http://schemas.openxmlformats.org/officeDocument/2006/relationships" r:embed="rId65"/>
        <a:stretch>
          <a:fillRect/>
        </a:stretch>
      </xdr:blipFill>
      <xdr:spPr>
        <a:xfrm>
          <a:off x="9493779" y="78774924"/>
          <a:ext cx="2769937" cy="2778683"/>
        </a:xfrm>
        <a:prstGeom prst="rect">
          <a:avLst/>
        </a:prstGeom>
      </xdr:spPr>
    </xdr:pic>
    <xdr:clientData/>
  </xdr:oneCellAnchor>
  <xdr:oneCellAnchor>
    <xdr:from>
      <xdr:col>5</xdr:col>
      <xdr:colOff>413587</xdr:colOff>
      <xdr:row>423</xdr:row>
      <xdr:rowOff>176305</xdr:rowOff>
    </xdr:from>
    <xdr:ext cx="2132080" cy="1575692"/>
    <xdr:pic>
      <xdr:nvPicPr>
        <xdr:cNvPr id="67" name="Picture 66">
          <a:extLst>
            <a:ext uri="{FF2B5EF4-FFF2-40B4-BE49-F238E27FC236}">
              <a16:creationId xmlns:a16="http://schemas.microsoft.com/office/drawing/2014/main" id="{CC9121E5-2AD4-4531-893E-7163ACDA9A27}"/>
            </a:ext>
          </a:extLst>
        </xdr:cNvPr>
        <xdr:cNvPicPr>
          <a:picLocks noChangeAspect="1"/>
        </xdr:cNvPicPr>
      </xdr:nvPicPr>
      <xdr:blipFill>
        <a:blip xmlns:r="http://schemas.openxmlformats.org/officeDocument/2006/relationships" r:embed="rId66">
          <a:extLst>
            <a:ext uri="{28A0092B-C50C-407E-A947-70E740481C1C}">
              <a14:useLocalDpi xmlns:a14="http://schemas.microsoft.com/office/drawing/2010/main" val="0"/>
            </a:ext>
          </a:extLst>
        </a:blip>
        <a:srcRect/>
        <a:stretch/>
      </xdr:blipFill>
      <xdr:spPr>
        <a:xfrm>
          <a:off x="3499687" y="85301230"/>
          <a:ext cx="2132080" cy="1575692"/>
        </a:xfrm>
        <a:prstGeom prst="rect">
          <a:avLst/>
        </a:prstGeom>
      </xdr:spPr>
    </xdr:pic>
    <xdr:clientData/>
  </xdr:oneCellAnchor>
  <xdr:oneCellAnchor>
    <xdr:from>
      <xdr:col>0</xdr:col>
      <xdr:colOff>1</xdr:colOff>
      <xdr:row>423</xdr:row>
      <xdr:rowOff>0</xdr:rowOff>
    </xdr:from>
    <xdr:ext cx="3254375" cy="2425406"/>
    <xdr:pic>
      <xdr:nvPicPr>
        <xdr:cNvPr id="68" name="Picture 67">
          <a:extLst>
            <a:ext uri="{FF2B5EF4-FFF2-40B4-BE49-F238E27FC236}">
              <a16:creationId xmlns:a16="http://schemas.microsoft.com/office/drawing/2014/main" id="{B06CD254-BFAB-4BEE-B81B-C99E9E2EBCEE}"/>
            </a:ext>
          </a:extLst>
        </xdr:cNvPr>
        <xdr:cNvPicPr>
          <a:picLocks noChangeAspect="1"/>
        </xdr:cNvPicPr>
      </xdr:nvPicPr>
      <xdr:blipFill>
        <a:blip xmlns:r="http://schemas.openxmlformats.org/officeDocument/2006/relationships" r:embed="rId67"/>
        <a:stretch>
          <a:fillRect/>
        </a:stretch>
      </xdr:blipFill>
      <xdr:spPr>
        <a:xfrm>
          <a:off x="1" y="85124925"/>
          <a:ext cx="3254375" cy="2425406"/>
        </a:xfrm>
        <a:prstGeom prst="rect">
          <a:avLst/>
        </a:prstGeom>
      </xdr:spPr>
    </xdr:pic>
    <xdr:clientData/>
  </xdr:oneCellAnchor>
  <xdr:oneCellAnchor>
    <xdr:from>
      <xdr:col>0</xdr:col>
      <xdr:colOff>18362</xdr:colOff>
      <xdr:row>436</xdr:row>
      <xdr:rowOff>29421</xdr:rowOff>
    </xdr:from>
    <xdr:ext cx="3158880" cy="2560356"/>
    <xdr:pic>
      <xdr:nvPicPr>
        <xdr:cNvPr id="69" name="Picture 68">
          <a:extLst>
            <a:ext uri="{FF2B5EF4-FFF2-40B4-BE49-F238E27FC236}">
              <a16:creationId xmlns:a16="http://schemas.microsoft.com/office/drawing/2014/main" id="{F5F7670E-3932-426C-91BC-5F13AAAB4851}"/>
            </a:ext>
          </a:extLst>
        </xdr:cNvPr>
        <xdr:cNvPicPr>
          <a:picLocks noChangeAspect="1"/>
        </xdr:cNvPicPr>
      </xdr:nvPicPr>
      <xdr:blipFill>
        <a:blip xmlns:r="http://schemas.openxmlformats.org/officeDocument/2006/relationships" r:embed="rId68">
          <a:extLst>
            <a:ext uri="{28A0092B-C50C-407E-A947-70E740481C1C}">
              <a14:useLocalDpi xmlns:a14="http://schemas.microsoft.com/office/drawing/2010/main" val="0"/>
            </a:ext>
          </a:extLst>
        </a:blip>
        <a:srcRect/>
        <a:stretch/>
      </xdr:blipFill>
      <xdr:spPr>
        <a:xfrm>
          <a:off x="18362" y="87630846"/>
          <a:ext cx="3158880" cy="2560356"/>
        </a:xfrm>
        <a:prstGeom prst="rect">
          <a:avLst/>
        </a:prstGeom>
      </xdr:spPr>
    </xdr:pic>
    <xdr:clientData/>
  </xdr:oneCellAnchor>
  <xdr:oneCellAnchor>
    <xdr:from>
      <xdr:col>0</xdr:col>
      <xdr:colOff>0</xdr:colOff>
      <xdr:row>450</xdr:row>
      <xdr:rowOff>1</xdr:rowOff>
    </xdr:from>
    <xdr:ext cx="3208618" cy="703836"/>
    <xdr:pic>
      <xdr:nvPicPr>
        <xdr:cNvPr id="70" name="Picture 69">
          <a:extLst>
            <a:ext uri="{FF2B5EF4-FFF2-40B4-BE49-F238E27FC236}">
              <a16:creationId xmlns:a16="http://schemas.microsoft.com/office/drawing/2014/main" id="{2E27D6FE-063D-434A-8585-1C9818F380AC}"/>
            </a:ext>
          </a:extLst>
        </xdr:cNvPr>
        <xdr:cNvPicPr>
          <a:picLocks noChangeAspect="1"/>
        </xdr:cNvPicPr>
      </xdr:nvPicPr>
      <xdr:blipFill>
        <a:blip xmlns:r="http://schemas.openxmlformats.org/officeDocument/2006/relationships" r:embed="rId69"/>
        <a:stretch>
          <a:fillRect/>
        </a:stretch>
      </xdr:blipFill>
      <xdr:spPr>
        <a:xfrm>
          <a:off x="0" y="90268426"/>
          <a:ext cx="3208618" cy="703836"/>
        </a:xfrm>
        <a:prstGeom prst="rect">
          <a:avLst/>
        </a:prstGeom>
      </xdr:spPr>
    </xdr:pic>
    <xdr:clientData/>
  </xdr:oneCellAnchor>
  <xdr:oneCellAnchor>
    <xdr:from>
      <xdr:col>5</xdr:col>
      <xdr:colOff>332448</xdr:colOff>
      <xdr:row>433</xdr:row>
      <xdr:rowOff>96742</xdr:rowOff>
    </xdr:from>
    <xdr:ext cx="2507864" cy="2928538"/>
    <xdr:pic>
      <xdr:nvPicPr>
        <xdr:cNvPr id="71" name="Picture 70">
          <a:extLst>
            <a:ext uri="{FF2B5EF4-FFF2-40B4-BE49-F238E27FC236}">
              <a16:creationId xmlns:a16="http://schemas.microsoft.com/office/drawing/2014/main" id="{5C30379C-4529-4C49-8336-B3D1A5CC20CE}"/>
            </a:ext>
          </a:extLst>
        </xdr:cNvPr>
        <xdr:cNvPicPr>
          <a:picLocks noChangeAspect="1"/>
        </xdr:cNvPicPr>
      </xdr:nvPicPr>
      <xdr:blipFill>
        <a:blip xmlns:r="http://schemas.openxmlformats.org/officeDocument/2006/relationships" r:embed="rId70">
          <a:extLst>
            <a:ext uri="{28A0092B-C50C-407E-A947-70E740481C1C}">
              <a14:useLocalDpi xmlns:a14="http://schemas.microsoft.com/office/drawing/2010/main" val="0"/>
            </a:ext>
          </a:extLst>
        </a:blip>
        <a:srcRect/>
        <a:stretch/>
      </xdr:blipFill>
      <xdr:spPr>
        <a:xfrm>
          <a:off x="3418548" y="87126667"/>
          <a:ext cx="2507864" cy="2928538"/>
        </a:xfrm>
        <a:prstGeom prst="rect">
          <a:avLst/>
        </a:prstGeom>
      </xdr:spPr>
    </xdr:pic>
    <xdr:clientData/>
  </xdr:oneCellAnchor>
  <xdr:oneCellAnchor>
    <xdr:from>
      <xdr:col>14</xdr:col>
      <xdr:colOff>575235</xdr:colOff>
      <xdr:row>424</xdr:row>
      <xdr:rowOff>81427</xdr:rowOff>
    </xdr:from>
    <xdr:ext cx="3217332" cy="1669548"/>
    <xdr:pic>
      <xdr:nvPicPr>
        <xdr:cNvPr id="72" name="Picture 71">
          <a:extLst>
            <a:ext uri="{FF2B5EF4-FFF2-40B4-BE49-F238E27FC236}">
              <a16:creationId xmlns:a16="http://schemas.microsoft.com/office/drawing/2014/main" id="{373F778E-0293-4165-9B89-CE23032F8757}"/>
            </a:ext>
          </a:extLst>
        </xdr:cNvPr>
        <xdr:cNvPicPr>
          <a:picLocks noChangeAspect="1"/>
        </xdr:cNvPicPr>
      </xdr:nvPicPr>
      <xdr:blipFill>
        <a:blip xmlns:r="http://schemas.openxmlformats.org/officeDocument/2006/relationships" r:embed="rId71"/>
        <a:stretch>
          <a:fillRect/>
        </a:stretch>
      </xdr:blipFill>
      <xdr:spPr>
        <a:xfrm>
          <a:off x="9147735" y="85396852"/>
          <a:ext cx="3217332" cy="1669548"/>
        </a:xfrm>
        <a:prstGeom prst="rect">
          <a:avLst/>
        </a:prstGeom>
      </xdr:spPr>
    </xdr:pic>
    <xdr:clientData/>
  </xdr:oneCellAnchor>
  <xdr:oneCellAnchor>
    <xdr:from>
      <xdr:col>10</xdr:col>
      <xdr:colOff>17930</xdr:colOff>
      <xdr:row>424</xdr:row>
      <xdr:rowOff>60251</xdr:rowOff>
    </xdr:from>
    <xdr:ext cx="3064662" cy="2319879"/>
    <xdr:pic>
      <xdr:nvPicPr>
        <xdr:cNvPr id="73" name="Picture 72">
          <a:extLst>
            <a:ext uri="{FF2B5EF4-FFF2-40B4-BE49-F238E27FC236}">
              <a16:creationId xmlns:a16="http://schemas.microsoft.com/office/drawing/2014/main" id="{BD6DF6CC-E038-4D75-9289-7659A7845ABE}"/>
            </a:ext>
          </a:extLst>
        </xdr:cNvPr>
        <xdr:cNvPicPr>
          <a:picLocks noChangeAspect="1"/>
        </xdr:cNvPicPr>
      </xdr:nvPicPr>
      <xdr:blipFill>
        <a:blip xmlns:r="http://schemas.openxmlformats.org/officeDocument/2006/relationships" r:embed="rId72"/>
        <a:stretch>
          <a:fillRect/>
        </a:stretch>
      </xdr:blipFill>
      <xdr:spPr>
        <a:xfrm>
          <a:off x="6152030" y="85375676"/>
          <a:ext cx="3064662" cy="2319879"/>
        </a:xfrm>
        <a:prstGeom prst="rect">
          <a:avLst/>
        </a:prstGeom>
      </xdr:spPr>
    </xdr:pic>
    <xdr:clientData/>
  </xdr:oneCellAnchor>
  <xdr:oneCellAnchor>
    <xdr:from>
      <xdr:col>10</xdr:col>
      <xdr:colOff>1</xdr:colOff>
      <xdr:row>437</xdr:row>
      <xdr:rowOff>0</xdr:rowOff>
    </xdr:from>
    <xdr:ext cx="3171264" cy="2037603"/>
    <xdr:pic>
      <xdr:nvPicPr>
        <xdr:cNvPr id="74" name="Picture 73">
          <a:extLst>
            <a:ext uri="{FF2B5EF4-FFF2-40B4-BE49-F238E27FC236}">
              <a16:creationId xmlns:a16="http://schemas.microsoft.com/office/drawing/2014/main" id="{5560A7C1-6682-4EBA-A582-9FA4EBCFA6C5}"/>
            </a:ext>
          </a:extLst>
        </xdr:cNvPr>
        <xdr:cNvPicPr>
          <a:picLocks noChangeAspect="1"/>
        </xdr:cNvPicPr>
      </xdr:nvPicPr>
      <xdr:blipFill>
        <a:blip xmlns:r="http://schemas.openxmlformats.org/officeDocument/2006/relationships" r:embed="rId73"/>
        <a:stretch>
          <a:fillRect/>
        </a:stretch>
      </xdr:blipFill>
      <xdr:spPr>
        <a:xfrm>
          <a:off x="6134101" y="87791925"/>
          <a:ext cx="3171264" cy="2037603"/>
        </a:xfrm>
        <a:prstGeom prst="rect">
          <a:avLst/>
        </a:prstGeom>
      </xdr:spPr>
    </xdr:pic>
    <xdr:clientData/>
  </xdr:oneCellAnchor>
  <xdr:oneCellAnchor>
    <xdr:from>
      <xdr:col>10</xdr:col>
      <xdr:colOff>8964</xdr:colOff>
      <xdr:row>448</xdr:row>
      <xdr:rowOff>109738</xdr:rowOff>
    </xdr:from>
    <xdr:ext cx="3114489" cy="756097"/>
    <xdr:pic>
      <xdr:nvPicPr>
        <xdr:cNvPr id="75" name="Picture 74">
          <a:extLst>
            <a:ext uri="{FF2B5EF4-FFF2-40B4-BE49-F238E27FC236}">
              <a16:creationId xmlns:a16="http://schemas.microsoft.com/office/drawing/2014/main" id="{DE702BC6-F21A-4A9B-A878-8AF93271725B}"/>
            </a:ext>
          </a:extLst>
        </xdr:cNvPr>
        <xdr:cNvPicPr>
          <a:picLocks noChangeAspect="1"/>
        </xdr:cNvPicPr>
      </xdr:nvPicPr>
      <xdr:blipFill>
        <a:blip xmlns:r="http://schemas.openxmlformats.org/officeDocument/2006/relationships" r:embed="rId74">
          <a:extLst>
            <a:ext uri="{28A0092B-C50C-407E-A947-70E740481C1C}">
              <a14:useLocalDpi xmlns:a14="http://schemas.microsoft.com/office/drawing/2010/main" val="0"/>
            </a:ext>
          </a:extLst>
        </a:blip>
        <a:srcRect/>
        <a:stretch/>
      </xdr:blipFill>
      <xdr:spPr>
        <a:xfrm>
          <a:off x="6143064" y="89997163"/>
          <a:ext cx="3114489" cy="756097"/>
        </a:xfrm>
        <a:prstGeom prst="rect">
          <a:avLst/>
        </a:prstGeom>
      </xdr:spPr>
    </xdr:pic>
    <xdr:clientData/>
  </xdr:oneCellAnchor>
  <xdr:oneCellAnchor>
    <xdr:from>
      <xdr:col>15</xdr:col>
      <xdr:colOff>107111</xdr:colOff>
      <xdr:row>436</xdr:row>
      <xdr:rowOff>1</xdr:rowOff>
    </xdr:from>
    <xdr:ext cx="2994394" cy="3167051"/>
    <xdr:pic>
      <xdr:nvPicPr>
        <xdr:cNvPr id="76" name="Picture 75">
          <a:extLst>
            <a:ext uri="{FF2B5EF4-FFF2-40B4-BE49-F238E27FC236}">
              <a16:creationId xmlns:a16="http://schemas.microsoft.com/office/drawing/2014/main" id="{56133A2D-51F7-46F0-81E1-35ADC7339DFD}"/>
            </a:ext>
          </a:extLst>
        </xdr:cNvPr>
        <xdr:cNvPicPr>
          <a:picLocks noChangeAspect="1"/>
        </xdr:cNvPicPr>
      </xdr:nvPicPr>
      <xdr:blipFill>
        <a:blip xmlns:r="http://schemas.openxmlformats.org/officeDocument/2006/relationships" r:embed="rId75">
          <a:extLst>
            <a:ext uri="{28A0092B-C50C-407E-A947-70E740481C1C}">
              <a14:useLocalDpi xmlns:a14="http://schemas.microsoft.com/office/drawing/2010/main" val="0"/>
            </a:ext>
          </a:extLst>
        </a:blip>
        <a:srcRect/>
        <a:stretch/>
      </xdr:blipFill>
      <xdr:spPr>
        <a:xfrm>
          <a:off x="9289211" y="87601426"/>
          <a:ext cx="2994394" cy="3167051"/>
        </a:xfrm>
        <a:prstGeom prst="rect">
          <a:avLst/>
        </a:prstGeom>
      </xdr:spPr>
    </xdr:pic>
    <xdr:clientData/>
  </xdr:oneCellAnchor>
  <xdr:oneCellAnchor>
    <xdr:from>
      <xdr:col>4</xdr:col>
      <xdr:colOff>283882</xdr:colOff>
      <xdr:row>479</xdr:row>
      <xdr:rowOff>91863</xdr:rowOff>
    </xdr:from>
    <xdr:ext cx="3484583" cy="1955078"/>
    <xdr:pic>
      <xdr:nvPicPr>
        <xdr:cNvPr id="77" name="Picture 76">
          <a:extLst>
            <a:ext uri="{FF2B5EF4-FFF2-40B4-BE49-F238E27FC236}">
              <a16:creationId xmlns:a16="http://schemas.microsoft.com/office/drawing/2014/main" id="{C10EFB45-4441-4D42-8101-E436C3D4C1ED}"/>
            </a:ext>
          </a:extLst>
        </xdr:cNvPr>
        <xdr:cNvPicPr>
          <a:picLocks noChangeAspect="1"/>
        </xdr:cNvPicPr>
      </xdr:nvPicPr>
      <xdr:blipFill>
        <a:blip xmlns:r="http://schemas.openxmlformats.org/officeDocument/2006/relationships" r:embed="rId76"/>
        <a:stretch>
          <a:fillRect/>
        </a:stretch>
      </xdr:blipFill>
      <xdr:spPr>
        <a:xfrm>
          <a:off x="2760382" y="95884788"/>
          <a:ext cx="3484583" cy="1955078"/>
        </a:xfrm>
        <a:prstGeom prst="rect">
          <a:avLst/>
        </a:prstGeom>
      </xdr:spPr>
    </xdr:pic>
    <xdr:clientData/>
  </xdr:oneCellAnchor>
  <xdr:oneCellAnchor>
    <xdr:from>
      <xdr:col>0</xdr:col>
      <xdr:colOff>0</xdr:colOff>
      <xdr:row>479</xdr:row>
      <xdr:rowOff>116541</xdr:rowOff>
    </xdr:from>
    <xdr:ext cx="2675218" cy="2175384"/>
    <xdr:pic>
      <xdr:nvPicPr>
        <xdr:cNvPr id="78" name="Picture 77">
          <a:extLst>
            <a:ext uri="{FF2B5EF4-FFF2-40B4-BE49-F238E27FC236}">
              <a16:creationId xmlns:a16="http://schemas.microsoft.com/office/drawing/2014/main" id="{92B5391C-A55E-4A73-8166-1E8909C48606}"/>
            </a:ext>
          </a:extLst>
        </xdr:cNvPr>
        <xdr:cNvPicPr>
          <a:picLocks noChangeAspect="1"/>
        </xdr:cNvPicPr>
      </xdr:nvPicPr>
      <xdr:blipFill>
        <a:blip xmlns:r="http://schemas.openxmlformats.org/officeDocument/2006/relationships" r:embed="rId77">
          <a:extLst>
            <a:ext uri="{28A0092B-C50C-407E-A947-70E740481C1C}">
              <a14:useLocalDpi xmlns:a14="http://schemas.microsoft.com/office/drawing/2010/main" val="0"/>
            </a:ext>
          </a:extLst>
        </a:blip>
        <a:srcRect/>
        <a:stretch/>
      </xdr:blipFill>
      <xdr:spPr>
        <a:xfrm>
          <a:off x="0" y="95909466"/>
          <a:ext cx="2675218" cy="2175384"/>
        </a:xfrm>
        <a:prstGeom prst="rect">
          <a:avLst/>
        </a:prstGeom>
      </xdr:spPr>
    </xdr:pic>
    <xdr:clientData/>
  </xdr:oneCellAnchor>
  <xdr:oneCellAnchor>
    <xdr:from>
      <xdr:col>0</xdr:col>
      <xdr:colOff>0</xdr:colOff>
      <xdr:row>491</xdr:row>
      <xdr:rowOff>0</xdr:rowOff>
    </xdr:from>
    <xdr:ext cx="2700618" cy="2057761"/>
    <xdr:pic>
      <xdr:nvPicPr>
        <xdr:cNvPr id="79" name="Picture 78">
          <a:extLst>
            <a:ext uri="{FF2B5EF4-FFF2-40B4-BE49-F238E27FC236}">
              <a16:creationId xmlns:a16="http://schemas.microsoft.com/office/drawing/2014/main" id="{8D7D3857-A93B-428E-9950-7BD850F00472}"/>
            </a:ext>
          </a:extLst>
        </xdr:cNvPr>
        <xdr:cNvPicPr>
          <a:picLocks noChangeAspect="1"/>
        </xdr:cNvPicPr>
      </xdr:nvPicPr>
      <xdr:blipFill>
        <a:blip xmlns:r="http://schemas.openxmlformats.org/officeDocument/2006/relationships" r:embed="rId78"/>
        <a:stretch>
          <a:fillRect/>
        </a:stretch>
      </xdr:blipFill>
      <xdr:spPr>
        <a:xfrm>
          <a:off x="0" y="98078925"/>
          <a:ext cx="2700618" cy="2057761"/>
        </a:xfrm>
        <a:prstGeom prst="rect">
          <a:avLst/>
        </a:prstGeom>
      </xdr:spPr>
    </xdr:pic>
    <xdr:clientData/>
  </xdr:oneCellAnchor>
  <xdr:oneCellAnchor>
    <xdr:from>
      <xdr:col>0</xdr:col>
      <xdr:colOff>0</xdr:colOff>
      <xdr:row>502</xdr:row>
      <xdr:rowOff>91142</xdr:rowOff>
    </xdr:from>
    <xdr:ext cx="2752590" cy="804208"/>
    <xdr:pic>
      <xdr:nvPicPr>
        <xdr:cNvPr id="80" name="Picture 79">
          <a:extLst>
            <a:ext uri="{FF2B5EF4-FFF2-40B4-BE49-F238E27FC236}">
              <a16:creationId xmlns:a16="http://schemas.microsoft.com/office/drawing/2014/main" id="{A7822BFE-9BDB-4D3F-A139-5A9905CB1EC9}"/>
            </a:ext>
          </a:extLst>
        </xdr:cNvPr>
        <xdr:cNvPicPr>
          <a:picLocks noChangeAspect="1"/>
        </xdr:cNvPicPr>
      </xdr:nvPicPr>
      <xdr:blipFill>
        <a:blip xmlns:r="http://schemas.openxmlformats.org/officeDocument/2006/relationships" r:embed="rId79">
          <a:extLst>
            <a:ext uri="{28A0092B-C50C-407E-A947-70E740481C1C}">
              <a14:useLocalDpi xmlns:a14="http://schemas.microsoft.com/office/drawing/2010/main" val="0"/>
            </a:ext>
          </a:extLst>
        </a:blip>
        <a:srcRect/>
        <a:stretch/>
      </xdr:blipFill>
      <xdr:spPr>
        <a:xfrm>
          <a:off x="0" y="100265567"/>
          <a:ext cx="2752590" cy="804208"/>
        </a:xfrm>
        <a:prstGeom prst="rect">
          <a:avLst/>
        </a:prstGeom>
      </xdr:spPr>
    </xdr:pic>
    <xdr:clientData/>
  </xdr:oneCellAnchor>
  <xdr:oneCellAnchor>
    <xdr:from>
      <xdr:col>4</xdr:col>
      <xdr:colOff>284034</xdr:colOff>
      <xdr:row>491</xdr:row>
      <xdr:rowOff>1</xdr:rowOff>
    </xdr:from>
    <xdr:ext cx="3468816" cy="4124778"/>
    <xdr:pic>
      <xdr:nvPicPr>
        <xdr:cNvPr id="81" name="Picture 80">
          <a:extLst>
            <a:ext uri="{FF2B5EF4-FFF2-40B4-BE49-F238E27FC236}">
              <a16:creationId xmlns:a16="http://schemas.microsoft.com/office/drawing/2014/main" id="{6913E0E6-2130-44B3-96F8-E70B1F2B15A9}"/>
            </a:ext>
          </a:extLst>
        </xdr:cNvPr>
        <xdr:cNvPicPr>
          <a:picLocks noChangeAspect="1"/>
        </xdr:cNvPicPr>
      </xdr:nvPicPr>
      <xdr:blipFill>
        <a:blip xmlns:r="http://schemas.openxmlformats.org/officeDocument/2006/relationships" r:embed="rId80">
          <a:extLst>
            <a:ext uri="{28A0092B-C50C-407E-A947-70E740481C1C}">
              <a14:useLocalDpi xmlns:a14="http://schemas.microsoft.com/office/drawing/2010/main" val="0"/>
            </a:ext>
          </a:extLst>
        </a:blip>
        <a:srcRect/>
        <a:stretch/>
      </xdr:blipFill>
      <xdr:spPr>
        <a:xfrm>
          <a:off x="2760534" y="98078926"/>
          <a:ext cx="3468816" cy="4124778"/>
        </a:xfrm>
        <a:prstGeom prst="rect">
          <a:avLst/>
        </a:prstGeom>
      </xdr:spPr>
    </xdr:pic>
    <xdr:clientData/>
  </xdr:oneCellAnchor>
  <xdr:twoCellAnchor editAs="oneCell">
    <xdr:from>
      <xdr:col>10</xdr:col>
      <xdr:colOff>152400</xdr:colOff>
      <xdr:row>88</xdr:row>
      <xdr:rowOff>57150</xdr:rowOff>
    </xdr:from>
    <xdr:to>
      <xdr:col>14</xdr:col>
      <xdr:colOff>466381</xdr:colOff>
      <xdr:row>100</xdr:row>
      <xdr:rowOff>1626</xdr:rowOff>
    </xdr:to>
    <xdr:pic>
      <xdr:nvPicPr>
        <xdr:cNvPr id="82" name="Picture 81">
          <a:extLst>
            <a:ext uri="{FF2B5EF4-FFF2-40B4-BE49-F238E27FC236}">
              <a16:creationId xmlns:a16="http://schemas.microsoft.com/office/drawing/2014/main" id="{DD292F01-FBF1-40CD-B3D3-7832043B4D64}"/>
            </a:ext>
          </a:extLst>
        </xdr:cNvPr>
        <xdr:cNvPicPr>
          <a:picLocks noChangeAspect="1"/>
        </xdr:cNvPicPr>
      </xdr:nvPicPr>
      <xdr:blipFill>
        <a:blip xmlns:r="http://schemas.openxmlformats.org/officeDocument/2006/relationships" r:embed="rId81"/>
        <a:stretch>
          <a:fillRect/>
        </a:stretch>
      </xdr:blipFill>
      <xdr:spPr>
        <a:xfrm>
          <a:off x="6286500" y="21364575"/>
          <a:ext cx="2752381" cy="2230476"/>
        </a:xfrm>
        <a:prstGeom prst="rect">
          <a:avLst/>
        </a:prstGeom>
      </xdr:spPr>
    </xdr:pic>
    <xdr:clientData/>
  </xdr:twoCellAnchor>
  <xdr:twoCellAnchor editAs="oneCell">
    <xdr:from>
      <xdr:col>10</xdr:col>
      <xdr:colOff>133350</xdr:colOff>
      <xdr:row>100</xdr:row>
      <xdr:rowOff>57150</xdr:rowOff>
    </xdr:from>
    <xdr:to>
      <xdr:col>14</xdr:col>
      <xdr:colOff>485426</xdr:colOff>
      <xdr:row>111</xdr:row>
      <xdr:rowOff>171174</xdr:rowOff>
    </xdr:to>
    <xdr:pic>
      <xdr:nvPicPr>
        <xdr:cNvPr id="83" name="Picture 82">
          <a:extLst>
            <a:ext uri="{FF2B5EF4-FFF2-40B4-BE49-F238E27FC236}">
              <a16:creationId xmlns:a16="http://schemas.microsoft.com/office/drawing/2014/main" id="{EDDB92BB-E316-4456-9B69-8665044640A0}"/>
            </a:ext>
          </a:extLst>
        </xdr:cNvPr>
        <xdr:cNvPicPr>
          <a:picLocks noChangeAspect="1"/>
        </xdr:cNvPicPr>
      </xdr:nvPicPr>
      <xdr:blipFill>
        <a:blip xmlns:r="http://schemas.openxmlformats.org/officeDocument/2006/relationships" r:embed="rId82"/>
        <a:stretch>
          <a:fillRect/>
        </a:stretch>
      </xdr:blipFill>
      <xdr:spPr>
        <a:xfrm>
          <a:off x="6267450" y="23650575"/>
          <a:ext cx="2790476" cy="2209524"/>
        </a:xfrm>
        <a:prstGeom prst="rect">
          <a:avLst/>
        </a:prstGeom>
      </xdr:spPr>
    </xdr:pic>
    <xdr:clientData/>
  </xdr:twoCellAnchor>
  <xdr:twoCellAnchor editAs="oneCell">
    <xdr:from>
      <xdr:col>10</xdr:col>
      <xdr:colOff>152400</xdr:colOff>
      <xdr:row>112</xdr:row>
      <xdr:rowOff>85725</xdr:rowOff>
    </xdr:from>
    <xdr:to>
      <xdr:col>14</xdr:col>
      <xdr:colOff>475905</xdr:colOff>
      <xdr:row>116</xdr:row>
      <xdr:rowOff>783</xdr:rowOff>
    </xdr:to>
    <xdr:pic>
      <xdr:nvPicPr>
        <xdr:cNvPr id="84" name="Picture 83">
          <a:extLst>
            <a:ext uri="{FF2B5EF4-FFF2-40B4-BE49-F238E27FC236}">
              <a16:creationId xmlns:a16="http://schemas.microsoft.com/office/drawing/2014/main" id="{437F943F-C964-4932-82A5-4842A5DD82B7}"/>
            </a:ext>
          </a:extLst>
        </xdr:cNvPr>
        <xdr:cNvPicPr>
          <a:picLocks noChangeAspect="1"/>
        </xdr:cNvPicPr>
      </xdr:nvPicPr>
      <xdr:blipFill>
        <a:blip xmlns:r="http://schemas.openxmlformats.org/officeDocument/2006/relationships" r:embed="rId83"/>
        <a:stretch>
          <a:fillRect/>
        </a:stretch>
      </xdr:blipFill>
      <xdr:spPr>
        <a:xfrm>
          <a:off x="6286500" y="25965150"/>
          <a:ext cx="2761905" cy="677058"/>
        </a:xfrm>
        <a:prstGeom prst="rect">
          <a:avLst/>
        </a:prstGeom>
      </xdr:spPr>
    </xdr:pic>
    <xdr:clientData/>
  </xdr:twoCellAnchor>
  <xdr:twoCellAnchor editAs="oneCell">
    <xdr:from>
      <xdr:col>14</xdr:col>
      <xdr:colOff>590550</xdr:colOff>
      <xdr:row>107</xdr:row>
      <xdr:rowOff>180975</xdr:rowOff>
    </xdr:from>
    <xdr:to>
      <xdr:col>19</xdr:col>
      <xdr:colOff>209217</xdr:colOff>
      <xdr:row>122</xdr:row>
      <xdr:rowOff>94904</xdr:rowOff>
    </xdr:to>
    <xdr:pic>
      <xdr:nvPicPr>
        <xdr:cNvPr id="85" name="Picture 84">
          <a:extLst>
            <a:ext uri="{FF2B5EF4-FFF2-40B4-BE49-F238E27FC236}">
              <a16:creationId xmlns:a16="http://schemas.microsoft.com/office/drawing/2014/main" id="{4EAD3AEA-CD83-49CB-A0D9-33E14CFC1755}"/>
            </a:ext>
          </a:extLst>
        </xdr:cNvPr>
        <xdr:cNvPicPr>
          <a:picLocks noChangeAspect="1"/>
        </xdr:cNvPicPr>
      </xdr:nvPicPr>
      <xdr:blipFill>
        <a:blip xmlns:r="http://schemas.openxmlformats.org/officeDocument/2006/relationships" r:embed="rId84"/>
        <a:stretch>
          <a:fillRect/>
        </a:stretch>
      </xdr:blipFill>
      <xdr:spPr>
        <a:xfrm>
          <a:off x="9163050" y="25107900"/>
          <a:ext cx="2666667" cy="2771429"/>
        </a:xfrm>
        <a:prstGeom prst="rect">
          <a:avLst/>
        </a:prstGeom>
      </xdr:spPr>
    </xdr:pic>
    <xdr:clientData/>
  </xdr:twoCellAnchor>
  <xdr:twoCellAnchor editAs="oneCell">
    <xdr:from>
      <xdr:col>15</xdr:col>
      <xdr:colOff>47625</xdr:colOff>
      <xdr:row>89</xdr:row>
      <xdr:rowOff>9525</xdr:rowOff>
    </xdr:from>
    <xdr:to>
      <xdr:col>19</xdr:col>
      <xdr:colOff>375660</xdr:colOff>
      <xdr:row>102</xdr:row>
      <xdr:rowOff>171450</xdr:rowOff>
    </xdr:to>
    <xdr:pic>
      <xdr:nvPicPr>
        <xdr:cNvPr id="86" name="Picture 85">
          <a:extLst>
            <a:ext uri="{FF2B5EF4-FFF2-40B4-BE49-F238E27FC236}">
              <a16:creationId xmlns:a16="http://schemas.microsoft.com/office/drawing/2014/main" id="{49AE8815-5EA7-48AE-BCE8-104D07E55EE0}"/>
            </a:ext>
          </a:extLst>
        </xdr:cNvPr>
        <xdr:cNvPicPr>
          <a:picLocks noChangeAspect="1"/>
        </xdr:cNvPicPr>
      </xdr:nvPicPr>
      <xdr:blipFill>
        <a:blip xmlns:r="http://schemas.openxmlformats.org/officeDocument/2006/relationships" r:embed="rId85"/>
        <a:stretch>
          <a:fillRect/>
        </a:stretch>
      </xdr:blipFill>
      <xdr:spPr>
        <a:xfrm>
          <a:off x="9229725" y="21507450"/>
          <a:ext cx="2766435" cy="2638425"/>
        </a:xfrm>
        <a:prstGeom prst="rect">
          <a:avLst/>
        </a:prstGeom>
      </xdr:spPr>
    </xdr:pic>
    <xdr:clientData/>
  </xdr:twoCellAnchor>
  <xdr:twoCellAnchor editAs="oneCell">
    <xdr:from>
      <xdr:col>13</xdr:col>
      <xdr:colOff>51436</xdr:colOff>
      <xdr:row>0</xdr:row>
      <xdr:rowOff>32386</xdr:rowOff>
    </xdr:from>
    <xdr:to>
      <xdr:col>17</xdr:col>
      <xdr:colOff>464820</xdr:colOff>
      <xdr:row>7</xdr:row>
      <xdr:rowOff>1046679</xdr:rowOff>
    </xdr:to>
    <xdr:pic>
      <xdr:nvPicPr>
        <xdr:cNvPr id="87" name="Picture 86">
          <a:extLst>
            <a:ext uri="{FF2B5EF4-FFF2-40B4-BE49-F238E27FC236}">
              <a16:creationId xmlns:a16="http://schemas.microsoft.com/office/drawing/2014/main" id="{87524255-4518-4B0D-8D15-D9EAFB3D9907}"/>
            </a:ext>
          </a:extLst>
        </xdr:cNvPr>
        <xdr:cNvPicPr>
          <a:picLocks noChangeAspect="1"/>
        </xdr:cNvPicPr>
      </xdr:nvPicPr>
      <xdr:blipFill>
        <a:blip xmlns:r="http://schemas.openxmlformats.org/officeDocument/2006/relationships" r:embed="rId86"/>
        <a:stretch>
          <a:fillRect/>
        </a:stretch>
      </xdr:blipFill>
      <xdr:spPr>
        <a:xfrm>
          <a:off x="8014336" y="32386"/>
          <a:ext cx="2851784" cy="3319343"/>
        </a:xfrm>
        <a:prstGeom prst="rect">
          <a:avLst/>
        </a:prstGeom>
      </xdr:spPr>
    </xdr:pic>
    <xdr:clientData/>
  </xdr:twoCellAnchor>
  <xdr:twoCellAnchor>
    <xdr:from>
      <xdr:col>11</xdr:col>
      <xdr:colOff>30480</xdr:colOff>
      <xdr:row>5</xdr:row>
      <xdr:rowOff>1097280</xdr:rowOff>
    </xdr:from>
    <xdr:to>
      <xdr:col>13</xdr:col>
      <xdr:colOff>76200</xdr:colOff>
      <xdr:row>7</xdr:row>
      <xdr:rowOff>388620</xdr:rowOff>
    </xdr:to>
    <xdr:cxnSp macro="">
      <xdr:nvCxnSpPr>
        <xdr:cNvPr id="88" name="Straight Arrow Connector 87">
          <a:extLst>
            <a:ext uri="{FF2B5EF4-FFF2-40B4-BE49-F238E27FC236}">
              <a16:creationId xmlns:a16="http://schemas.microsoft.com/office/drawing/2014/main" id="{DD685F92-5AD4-49E7-8DC9-B563098FE595}"/>
            </a:ext>
          </a:extLst>
        </xdr:cNvPr>
        <xdr:cNvCxnSpPr/>
      </xdr:nvCxnSpPr>
      <xdr:spPr>
        <a:xfrm flipV="1">
          <a:off x="6774180" y="2040255"/>
          <a:ext cx="1264920" cy="653415"/>
        </a:xfrm>
        <a:prstGeom prst="straightConnector1">
          <a:avLst/>
        </a:prstGeom>
        <a:ln>
          <a:tailEnd type="triangle"/>
        </a:ln>
      </xdr:spPr>
      <xdr:style>
        <a:lnRef idx="3">
          <a:schemeClr val="accent4"/>
        </a:lnRef>
        <a:fillRef idx="0">
          <a:schemeClr val="accent4"/>
        </a:fillRef>
        <a:effectRef idx="2">
          <a:schemeClr val="accent4"/>
        </a:effectRef>
        <a:fontRef idx="minor">
          <a:schemeClr val="tx1"/>
        </a:fontRef>
      </xdr:style>
    </xdr:cxnSp>
    <xdr:clientData/>
  </xdr:twoCellAnchor>
  <xdr:twoCellAnchor>
    <xdr:from>
      <xdr:col>11</xdr:col>
      <xdr:colOff>0</xdr:colOff>
      <xdr:row>7</xdr:row>
      <xdr:rowOff>281940</xdr:rowOff>
    </xdr:from>
    <xdr:to>
      <xdr:col>13</xdr:col>
      <xdr:colOff>76200</xdr:colOff>
      <xdr:row>8</xdr:row>
      <xdr:rowOff>777240</xdr:rowOff>
    </xdr:to>
    <xdr:cxnSp macro="">
      <xdr:nvCxnSpPr>
        <xdr:cNvPr id="89" name="Straight Arrow Connector 88">
          <a:extLst>
            <a:ext uri="{FF2B5EF4-FFF2-40B4-BE49-F238E27FC236}">
              <a16:creationId xmlns:a16="http://schemas.microsoft.com/office/drawing/2014/main" id="{6DC75C80-B49C-4140-A984-56FBEB4E61FA}"/>
            </a:ext>
          </a:extLst>
        </xdr:cNvPr>
        <xdr:cNvCxnSpPr/>
      </xdr:nvCxnSpPr>
      <xdr:spPr>
        <a:xfrm flipV="1">
          <a:off x="6743700" y="2586990"/>
          <a:ext cx="1295400" cy="1571625"/>
        </a:xfrm>
        <a:prstGeom prst="straightConnector1">
          <a:avLst/>
        </a:prstGeom>
        <a:ln>
          <a:tailEnd type="triangle"/>
        </a:ln>
      </xdr:spPr>
      <xdr:style>
        <a:lnRef idx="3">
          <a:schemeClr val="accent4"/>
        </a:lnRef>
        <a:fillRef idx="0">
          <a:schemeClr val="accent4"/>
        </a:fillRef>
        <a:effectRef idx="2">
          <a:schemeClr val="accent4"/>
        </a:effectRef>
        <a:fontRef idx="minor">
          <a:schemeClr val="tx1"/>
        </a:fontRef>
      </xdr:style>
    </xdr:cxnSp>
    <xdr:clientData/>
  </xdr:twoCellAnchor>
  <xdr:twoCellAnchor editAs="oneCell">
    <xdr:from>
      <xdr:col>13</xdr:col>
      <xdr:colOff>56739</xdr:colOff>
      <xdr:row>8</xdr:row>
      <xdr:rowOff>1013461</xdr:rowOff>
    </xdr:from>
    <xdr:to>
      <xdr:col>17</xdr:col>
      <xdr:colOff>449581</xdr:colOff>
      <xdr:row>17</xdr:row>
      <xdr:rowOff>35237</xdr:rowOff>
    </xdr:to>
    <xdr:pic>
      <xdr:nvPicPr>
        <xdr:cNvPr id="90" name="Picture 89">
          <a:extLst>
            <a:ext uri="{FF2B5EF4-FFF2-40B4-BE49-F238E27FC236}">
              <a16:creationId xmlns:a16="http://schemas.microsoft.com/office/drawing/2014/main" id="{67F84BE6-5F3C-46D3-81B6-4623A716DD07}"/>
            </a:ext>
          </a:extLst>
        </xdr:cNvPr>
        <xdr:cNvPicPr>
          <a:picLocks noChangeAspect="1"/>
        </xdr:cNvPicPr>
      </xdr:nvPicPr>
      <xdr:blipFill>
        <a:blip xmlns:r="http://schemas.openxmlformats.org/officeDocument/2006/relationships" r:embed="rId87"/>
        <a:stretch>
          <a:fillRect/>
        </a:stretch>
      </xdr:blipFill>
      <xdr:spPr>
        <a:xfrm>
          <a:off x="8019639" y="4394836"/>
          <a:ext cx="2831242" cy="3422326"/>
        </a:xfrm>
        <a:prstGeom prst="rect">
          <a:avLst/>
        </a:prstGeom>
      </xdr:spPr>
    </xdr:pic>
    <xdr:clientData/>
  </xdr:twoCellAnchor>
  <xdr:twoCellAnchor>
    <xdr:from>
      <xdr:col>11</xdr:col>
      <xdr:colOff>15240</xdr:colOff>
      <xdr:row>15</xdr:row>
      <xdr:rowOff>182880</xdr:rowOff>
    </xdr:from>
    <xdr:to>
      <xdr:col>13</xdr:col>
      <xdr:colOff>60960</xdr:colOff>
      <xdr:row>15</xdr:row>
      <xdr:rowOff>480060</xdr:rowOff>
    </xdr:to>
    <xdr:cxnSp macro="">
      <xdr:nvCxnSpPr>
        <xdr:cNvPr id="91" name="Straight Arrow Connector 90">
          <a:extLst>
            <a:ext uri="{FF2B5EF4-FFF2-40B4-BE49-F238E27FC236}">
              <a16:creationId xmlns:a16="http://schemas.microsoft.com/office/drawing/2014/main" id="{EA8A7113-E9CF-495D-B190-26FEB4EED446}"/>
            </a:ext>
          </a:extLst>
        </xdr:cNvPr>
        <xdr:cNvCxnSpPr/>
      </xdr:nvCxnSpPr>
      <xdr:spPr>
        <a:xfrm flipV="1">
          <a:off x="6758940" y="6764655"/>
          <a:ext cx="1264920" cy="297180"/>
        </a:xfrm>
        <a:prstGeom prst="straightConnector1">
          <a:avLst/>
        </a:prstGeom>
        <a:ln w="1905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7620</xdr:colOff>
      <xdr:row>5</xdr:row>
      <xdr:rowOff>693420</xdr:rowOff>
    </xdr:from>
    <xdr:to>
      <xdr:col>13</xdr:col>
      <xdr:colOff>38100</xdr:colOff>
      <xdr:row>15</xdr:row>
      <xdr:rowOff>160020</xdr:rowOff>
    </xdr:to>
    <xdr:cxnSp macro="">
      <xdr:nvCxnSpPr>
        <xdr:cNvPr id="92" name="Straight Arrow Connector 91">
          <a:extLst>
            <a:ext uri="{FF2B5EF4-FFF2-40B4-BE49-F238E27FC236}">
              <a16:creationId xmlns:a16="http://schemas.microsoft.com/office/drawing/2014/main" id="{BE02669A-A919-4812-ACC0-9F5CDB9EA477}"/>
            </a:ext>
          </a:extLst>
        </xdr:cNvPr>
        <xdr:cNvCxnSpPr/>
      </xdr:nvCxnSpPr>
      <xdr:spPr>
        <a:xfrm>
          <a:off x="6751320" y="1636395"/>
          <a:ext cx="1249680" cy="5105400"/>
        </a:xfrm>
        <a:prstGeom prst="straightConnector1">
          <a:avLst/>
        </a:prstGeom>
        <a:ln w="1905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milanc\AppData\Roaming\OpenText\OTEdit\EC_infohub\i47847283\Picton%20-%20Intersections,%20Locations%20and%20Roadside%20Hazards.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s://becagroup.sharepoint.com/Users/LouiseLo/Downloads/Site%20ID%203.6.002_SH1%20Spring%20Creek%20to%20Seddon%20and%20SH6%20Blenheim%20Urban_Safe%20Speed%20Programme%20Internal%20Review%20Form%20Version%201.0(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tersections"/>
      <sheetName val="GPS"/>
      <sheetName val="Lookup Tables"/>
      <sheetName val="Roadside Tool"/>
      <sheetName val="Section 2 RS Hazard"/>
      <sheetName val="Section 3 RS Hazard"/>
      <sheetName val="Section 4 RS Hazard"/>
      <sheetName val="Section 5 RS Hazard"/>
      <sheetName val="Section 6 RS Hazard"/>
      <sheetName val="Section 7 RS Hazard"/>
      <sheetName val="Section 8 RS Hazard"/>
      <sheetName val="Section 9 RS Hazard"/>
    </sheetNames>
    <sheetDataSet>
      <sheetData sheetId="0" refreshError="1"/>
      <sheetData sheetId="1" refreshError="1"/>
      <sheetData sheetId="2">
        <row r="1">
          <cell r="A1" t="str">
            <v>Intersection</v>
          </cell>
        </row>
        <row r="2">
          <cell r="A2" t="str">
            <v>Corridor</v>
          </cell>
        </row>
        <row r="4">
          <cell r="B4" t="str">
            <v>Roundabout</v>
          </cell>
          <cell r="C4" t="str">
            <v>Traffic Signals Crossroads</v>
          </cell>
          <cell r="D4" t="str">
            <v>Traffic Signals T-Intersection</v>
          </cell>
          <cell r="E4" t="str">
            <v>Priority Controlled Crossroads</v>
          </cell>
          <cell r="F4" t="str">
            <v>Priority Controlled T-Intersection</v>
          </cell>
        </row>
        <row r="6">
          <cell r="A6" t="str">
            <v>Urban</v>
          </cell>
        </row>
        <row r="7">
          <cell r="A7" t="str">
            <v>Rural</v>
          </cell>
        </row>
        <row r="48">
          <cell r="D48">
            <v>0.48</v>
          </cell>
        </row>
        <row r="49">
          <cell r="D49">
            <v>0.82</v>
          </cell>
        </row>
        <row r="50">
          <cell r="D50">
            <v>0.28999999999999998</v>
          </cell>
        </row>
        <row r="51">
          <cell r="D51">
            <v>0.33</v>
          </cell>
        </row>
        <row r="52">
          <cell r="D52">
            <v>0.26</v>
          </cell>
        </row>
        <row r="53">
          <cell r="D53">
            <v>0.15</v>
          </cell>
        </row>
        <row r="54">
          <cell r="D54">
            <v>0.3</v>
          </cell>
        </row>
        <row r="55">
          <cell r="D55">
            <v>0.43</v>
          </cell>
        </row>
        <row r="56">
          <cell r="D56">
            <v>0.38</v>
          </cell>
        </row>
        <row r="57">
          <cell r="D57">
            <v>0.22</v>
          </cell>
        </row>
        <row r="58">
          <cell r="D58">
            <v>0.28000000000000003</v>
          </cell>
        </row>
        <row r="59">
          <cell r="D59">
            <v>0.32</v>
          </cell>
        </row>
        <row r="60">
          <cell r="D60">
            <v>0.62</v>
          </cell>
        </row>
        <row r="61">
          <cell r="D61">
            <v>0.66</v>
          </cell>
        </row>
        <row r="62">
          <cell r="D62">
            <v>0.43</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essment Form"/>
      <sheetName val="Section 8 Inputs"/>
      <sheetName val="Doc_Rev_Tracker"/>
      <sheetName val="Travel Time Calculation"/>
      <sheetName val="Corridor Editor(II)"/>
      <sheetName val="Corridor Editor(III)"/>
      <sheetName val="Site Details Crash Report"/>
    </sheetNames>
    <sheetDataSet>
      <sheetData sheetId="0">
        <row r="29">
          <cell r="G29">
            <v>70</v>
          </cell>
        </row>
      </sheetData>
      <sheetData sheetId="1">
        <row r="8">
          <cell r="A8" t="str">
            <v>Auckland</v>
          </cell>
        </row>
        <row r="9">
          <cell r="A9" t="str">
            <v>Waikato</v>
          </cell>
        </row>
        <row r="10">
          <cell r="A10" t="str">
            <v>Nelson</v>
          </cell>
        </row>
        <row r="11">
          <cell r="A11" t="str">
            <v>Northland</v>
          </cell>
        </row>
        <row r="12">
          <cell r="A12" t="str">
            <v>Bay of Plenty</v>
          </cell>
        </row>
        <row r="13">
          <cell r="A13" t="str">
            <v>West Coast</v>
          </cell>
        </row>
        <row r="14">
          <cell r="A14" t="str">
            <v>Hawkes Bay</v>
          </cell>
        </row>
        <row r="15">
          <cell r="A15" t="str">
            <v>Southland</v>
          </cell>
        </row>
        <row r="16">
          <cell r="A16" t="str">
            <v>Man-Wang</v>
          </cell>
        </row>
        <row r="17">
          <cell r="A17" t="str">
            <v>Tasman</v>
          </cell>
        </row>
        <row r="18">
          <cell r="A18" t="str">
            <v>Canterbury</v>
          </cell>
        </row>
        <row r="19">
          <cell r="A19" t="str">
            <v>Otago</v>
          </cell>
        </row>
        <row r="20">
          <cell r="A20" t="str">
            <v>Gisbourne</v>
          </cell>
        </row>
        <row r="21">
          <cell r="A21" t="str">
            <v>Taranaki</v>
          </cell>
        </row>
        <row r="22">
          <cell r="A22" t="str">
            <v>Marlborough</v>
          </cell>
        </row>
      </sheetData>
      <sheetData sheetId="2"/>
      <sheetData sheetId="3"/>
      <sheetData sheetId="4"/>
      <sheetData sheetId="5"/>
      <sheetData sheetId="6"/>
    </sheetDataSet>
  </externalBook>
</externalLink>
</file>

<file path=xl/persons/person.xml><?xml version="1.0" encoding="utf-8"?>
<personList xmlns="http://schemas.microsoft.com/office/spreadsheetml/2018/threadedcomments" xmlns:x="http://schemas.openxmlformats.org/spreadsheetml/2006/main"/>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3DBB582C-A34A-4582-A256-75B7FE34F332}" name="TA_Data" displayName="TA_Data" ref="B30:Q79" totalsRowShown="0" headerRowDxfId="86" dataDxfId="84" headerRowBorderDxfId="85" tableBorderDxfId="83">
  <autoFilter ref="B30:Q79" xr:uid="{AA9C7EAA-97C3-4D78-90F8-0A5AA3E229B5}">
    <filterColumn colId="0" hiddenButton="1"/>
    <filterColumn colId="1" hiddenButton="1"/>
    <filterColumn colId="2" hiddenButton="1"/>
    <filterColumn colId="3" hiddenButton="1"/>
    <filterColumn colId="4" hiddenButton="1"/>
    <filterColumn colId="5" hiddenButton="1"/>
    <filterColumn colId="6" hiddenButton="1"/>
    <filterColumn colId="7" hiddenButton="1"/>
    <filterColumn colId="8" hiddenButton="1"/>
    <filterColumn colId="9" hiddenButton="1"/>
    <filterColumn colId="10" hiddenButton="1"/>
    <filterColumn colId="11" hiddenButton="1"/>
    <filterColumn colId="12" hiddenButton="1"/>
    <filterColumn colId="13" hiddenButton="1"/>
    <filterColumn colId="14" hiddenButton="1"/>
    <filterColumn colId="15" hiddenButton="1"/>
  </autoFilter>
  <tableColumns count="16">
    <tableColumn id="1" xr3:uid="{C4CE95D4-19B0-45C9-9B6F-D68788A2F9D3}" name="Network Section No." dataDxfId="82"/>
    <tableColumn id="2" xr3:uid="{2D5A8DB7-E036-4D86-A485-4FA884E1691F}" name="State Highway" dataDxfId="81"/>
    <tableColumn id="3" xr3:uid="{3BE3BE2E-A4A9-4AA7-BE3D-BD05D9C52FBD}" name="Start RS" dataDxfId="80"/>
    <tableColumn id="4" xr3:uid="{2B34FC36-9E92-4B36-B6FD-7F789B5F6538}" name="Start RP" dataDxfId="79"/>
    <tableColumn id="5" xr3:uid="{F2E081E4-539A-4035-8B4C-DE34885D76AF}" name="End RS" dataDxfId="78"/>
    <tableColumn id="6" xr3:uid="{DF16B9A3-6B4C-440B-9BC9-467BAE9726CA}" name="End RP" dataDxfId="77"/>
    <tableColumn id="7" xr3:uid="{4A44C1D4-90B5-41DF-8BDA-948F63799CB3}" name="Length (km)" dataDxfId="76"/>
    <tableColumn id="8" xr3:uid="{81E42EF3-7925-4DF4-BB6C-4C75DF63D092}" name="Physical Description of Location_x000a_[Provide offsets from nearest side road or key landmark and locality]" dataDxfId="75"/>
    <tableColumn id="9" xr3:uid="{8D97F1C1-768A-4C09-86CB-319AF3860F81}" name="Existing Posted Speed Limit (km/h)" dataDxfId="74"/>
    <tableColumn id="10" xr3:uid="{31AB4470-BEA0-4993-83D0-BE5972B5CE00}" name="Assessed Safe and Appropriate Speed Limit (SaAS) (km/h)" dataDxfId="73"/>
    <tableColumn id="11" xr3:uid="{2B335FEB-44CF-4DD5-8D7A-0E4CC0058FD4}" name="Top 10% DSI Savings Segment (Y/N)" dataDxfId="72"/>
    <tableColumn id="12" xr3:uid="{A6D720B1-1F2F-455B-96E9-0CD7E1E61EB8}" name="Predicted DSI Savings [calculated using MM tool]_x000a_Do not use existing MM values" dataDxfId="71"/>
    <tableColumn id="13" xr3:uid="{40FB94CE-8A81-46F5-BB49-2C7F4D98BCC0}" name="Mean Operating Speeds (Specify Source - MM)" dataDxfId="70"/>
    <tableColumn id="16" xr3:uid="{5965FB44-BC43-4B49-BB62-A54DA66742E4}" name="Personal Risk Safety metric_x000a_(Specify Source - Calculated by using MM)" dataDxfId="69"/>
    <tableColumn id="14" xr3:uid="{660F689A-1FE1-4F39-B971-724DFBF7212D}" name="Proposed Safe and Appropriate Speed limit_x000a_(km/h) " dataDxfId="68"/>
    <tableColumn id="15" xr3:uid="{4418B25D-358F-4C62-B902-AD45D1E84A14}" name="Reasons proposed speed limit differs from SaAS (If not different, state no change) and any other comments" dataDxfId="67"/>
  </tableColumns>
  <tableStyleInfo name="Blank Formatting"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readedComments/threadedComment1.xml><?xml version="1.0" encoding="utf-8"?>
<ThreadedComments xmlns="http://schemas.microsoft.com/office/spreadsheetml/2018/threadedcomments" xmlns:x="http://schemas.openxmlformats.org/spreadsheetml/2006/main">
  <threadedComment ref="B239" dT="2022-03-15T01:02:06.36" personId="{00000000-0000-0000-0000-000000000000}" id="{094CD966-8109-4E20-93B0-EDD9868CC0D5}">
    <text>need to add in new section sas per new TA. Also need to redo CAS to include new sections and update time frame used</text>
  </threadedComment>
  <threadedComment ref="P242" dT="2021-09-21T22:34:27.96" personId="{00000000-0000-0000-0000-000000000000}" id="{029522CF-D1B5-4C80-864E-A138157DF74F}">
    <text>Kirstan O'Donoghue:
Waka Kotahi NC and RSE disagree with this 40 and this should be included as a 50 - there is no internal disagreement on this.</text>
  </threadedComment>
  <threadedComment ref="P243" dT="2021-09-21T22:34:42.62" personId="{00000000-0000-0000-0000-000000000000}" id="{73A247E1-ABCC-4700-9CE2-F4E22B4C1BFE}">
    <text>Kirstan O'Donoghue:
As above.</text>
  </threadedComment>
</ThreadedComments>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microsoft.com/office/2017/10/relationships/threadedComment" Target="../threadedComments/threadedComment1.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omments" Target="../comments1.xml"/><Relationship Id="rId5" Type="http://schemas.openxmlformats.org/officeDocument/2006/relationships/table" Target="../tables/table1.xml"/><Relationship Id="rId4" Type="http://schemas.openxmlformats.org/officeDocument/2006/relationships/vmlDrawing" Target="../drawings/vmlDrawing2.vml"/></Relationships>
</file>

<file path=xl/worksheets/_rels/sheet2.xml.rels><?xml version="1.0" encoding="UTF-8" standalone="yes"?>
<Relationships xmlns="http://schemas.openxmlformats.org/package/2006/relationships"><Relationship Id="rId2" Type="http://schemas.openxmlformats.org/officeDocument/2006/relationships/vmlDrawing" Target="../drawings/vmlDrawing3.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E3BB9D-5481-418F-BCAC-8A71B62AE129}">
  <sheetPr>
    <pageSetUpPr fitToPage="1"/>
  </sheetPr>
  <dimension ref="A1:R310"/>
  <sheetViews>
    <sheetView showGridLines="0" tabSelected="1" view="pageBreakPreview" zoomScale="70" zoomScaleNormal="85" zoomScaleSheetLayoutView="70" zoomScalePageLayoutView="40" workbookViewId="0">
      <selection activeCell="C280" sqref="C280:I280"/>
    </sheetView>
  </sheetViews>
  <sheetFormatPr defaultColWidth="9.42578125" defaultRowHeight="12" x14ac:dyDescent="0.2"/>
  <cols>
    <col min="1" max="1" width="9.42578125" style="54"/>
    <col min="2" max="2" width="14.42578125" style="54" customWidth="1"/>
    <col min="3" max="3" width="17.42578125" style="54" customWidth="1"/>
    <col min="4" max="4" width="11" style="54" customWidth="1"/>
    <col min="5" max="7" width="11.5703125" style="54" customWidth="1"/>
    <col min="8" max="8" width="14.5703125" style="54" customWidth="1"/>
    <col min="9" max="10" width="24.42578125" style="54" customWidth="1"/>
    <col min="11" max="12" width="19.42578125" style="54" customWidth="1"/>
    <col min="13" max="13" width="15.5703125" style="54" customWidth="1"/>
    <col min="14" max="16" width="20.5703125" style="54" customWidth="1"/>
    <col min="17" max="17" width="42.5703125" style="54" customWidth="1"/>
    <col min="18" max="18" width="26.5703125" style="26" customWidth="1"/>
    <col min="19" max="20" width="63.42578125" style="54" customWidth="1"/>
    <col min="21" max="16384" width="9.42578125" style="54"/>
  </cols>
  <sheetData>
    <row r="1" spans="1:18" ht="15" customHeight="1" thickBot="1" x14ac:dyDescent="0.25">
      <c r="B1" s="55"/>
      <c r="C1" s="55"/>
      <c r="D1" s="55"/>
      <c r="E1" s="55"/>
      <c r="F1" s="55"/>
      <c r="G1" s="55"/>
      <c r="H1" s="55"/>
      <c r="I1" s="55"/>
      <c r="J1" s="55"/>
      <c r="K1" s="55"/>
      <c r="L1" s="55"/>
      <c r="M1" s="55"/>
      <c r="N1" s="55"/>
      <c r="O1" s="55"/>
      <c r="P1" s="55"/>
      <c r="Q1" s="55"/>
      <c r="R1" s="25" t="s">
        <v>0</v>
      </c>
    </row>
    <row r="2" spans="1:18" ht="34.5" customHeight="1" thickTop="1" x14ac:dyDescent="0.2">
      <c r="B2" s="55"/>
      <c r="C2" s="55"/>
      <c r="D2" s="55"/>
      <c r="E2" s="55"/>
      <c r="F2" s="55"/>
      <c r="G2" s="55"/>
      <c r="H2" s="55"/>
      <c r="I2" s="55"/>
      <c r="J2" s="55"/>
      <c r="K2" s="55"/>
      <c r="L2" s="55"/>
      <c r="M2" s="55"/>
      <c r="N2" s="55"/>
      <c r="O2" s="55"/>
      <c r="P2" s="55"/>
      <c r="Q2" s="55"/>
      <c r="R2" s="27"/>
    </row>
    <row r="3" spans="1:18" ht="16.5" customHeight="1" x14ac:dyDescent="0.25">
      <c r="B3" s="320" t="s">
        <v>15</v>
      </c>
      <c r="C3" s="320"/>
      <c r="D3" s="320"/>
      <c r="E3" s="320"/>
      <c r="F3" s="320"/>
      <c r="G3" s="320"/>
      <c r="H3" s="320"/>
      <c r="I3" s="320"/>
      <c r="J3" s="320"/>
      <c r="K3" s="320"/>
      <c r="L3" s="320"/>
      <c r="M3" s="320"/>
      <c r="N3" s="320"/>
      <c r="O3" s="320"/>
      <c r="P3" s="320"/>
      <c r="Q3" s="320"/>
      <c r="R3" s="291" t="s">
        <v>68</v>
      </c>
    </row>
    <row r="4" spans="1:18" ht="16.5" customHeight="1" x14ac:dyDescent="0.2">
      <c r="B4" s="321" t="s">
        <v>115</v>
      </c>
      <c r="C4" s="321"/>
      <c r="D4" s="321"/>
      <c r="E4" s="321"/>
      <c r="F4" s="321"/>
      <c r="G4" s="321"/>
      <c r="H4" s="321"/>
      <c r="I4" s="321"/>
      <c r="J4" s="321"/>
      <c r="K4" s="321"/>
      <c r="L4" s="321"/>
      <c r="M4" s="321"/>
      <c r="N4" s="321"/>
      <c r="O4" s="321"/>
      <c r="P4" s="321"/>
      <c r="Q4" s="321"/>
      <c r="R4" s="291"/>
    </row>
    <row r="5" spans="1:18" ht="15" customHeight="1" x14ac:dyDescent="0.2">
      <c r="B5" s="56"/>
      <c r="C5" s="56"/>
      <c r="D5" s="56"/>
      <c r="E5" s="56"/>
      <c r="F5" s="56"/>
      <c r="G5" s="56"/>
      <c r="H5" s="56"/>
      <c r="I5" s="56"/>
      <c r="J5" s="56"/>
      <c r="K5" s="56"/>
      <c r="L5" s="322" t="s">
        <v>1</v>
      </c>
      <c r="M5" s="322"/>
      <c r="N5" s="322"/>
      <c r="O5" s="322"/>
      <c r="P5" s="322"/>
      <c r="Q5" s="322"/>
      <c r="R5" s="291"/>
    </row>
    <row r="6" spans="1:18" x14ac:dyDescent="0.2">
      <c r="B6" s="333" t="s">
        <v>16</v>
      </c>
      <c r="C6" s="333"/>
      <c r="D6" s="333"/>
      <c r="E6" s="333"/>
      <c r="F6" s="333"/>
      <c r="G6" s="333"/>
      <c r="H6" s="333"/>
      <c r="I6" s="333"/>
      <c r="J6" s="333"/>
      <c r="K6" s="333"/>
      <c r="L6" s="323" t="s">
        <v>69</v>
      </c>
      <c r="M6" s="323"/>
      <c r="N6" s="323"/>
      <c r="O6" s="323"/>
      <c r="P6" s="323"/>
      <c r="Q6" s="323"/>
    </row>
    <row r="7" spans="1:18" x14ac:dyDescent="0.2">
      <c r="B7" s="333"/>
      <c r="C7" s="333"/>
      <c r="D7" s="333"/>
      <c r="E7" s="333"/>
      <c r="F7" s="333"/>
      <c r="G7" s="333"/>
      <c r="H7" s="333"/>
      <c r="I7" s="333"/>
      <c r="J7" s="333"/>
      <c r="K7" s="333"/>
      <c r="L7" s="340" t="s">
        <v>105</v>
      </c>
      <c r="M7" s="341"/>
      <c r="N7" s="341"/>
      <c r="O7" s="341"/>
      <c r="P7" s="341"/>
      <c r="Q7" s="342"/>
    </row>
    <row r="8" spans="1:18" x14ac:dyDescent="0.2">
      <c r="B8" s="333"/>
      <c r="C8" s="333"/>
      <c r="D8" s="333"/>
      <c r="E8" s="333"/>
      <c r="F8" s="333"/>
      <c r="G8" s="333"/>
      <c r="H8" s="333"/>
      <c r="I8" s="333"/>
      <c r="J8" s="333"/>
      <c r="K8" s="333"/>
      <c r="L8" s="338" t="s">
        <v>104</v>
      </c>
      <c r="M8" s="338"/>
      <c r="N8" s="338"/>
      <c r="O8" s="338"/>
      <c r="P8" s="338"/>
      <c r="Q8" s="338"/>
    </row>
    <row r="9" spans="1:18" ht="14.25" customHeight="1" x14ac:dyDescent="0.2">
      <c r="B9" s="45"/>
      <c r="C9" s="45"/>
      <c r="D9" s="45"/>
      <c r="E9" s="45"/>
      <c r="F9" s="45"/>
      <c r="G9" s="45"/>
      <c r="H9" s="45"/>
      <c r="I9" s="45"/>
      <c r="J9" s="45"/>
      <c r="K9" s="45"/>
      <c r="L9" s="334" t="s">
        <v>2</v>
      </c>
      <c r="M9" s="334"/>
      <c r="N9" s="334"/>
      <c r="O9" s="334"/>
      <c r="P9" s="334"/>
      <c r="Q9" s="334"/>
    </row>
    <row r="10" spans="1:18" x14ac:dyDescent="0.2">
      <c r="B10" s="10"/>
      <c r="C10" s="10"/>
      <c r="D10" s="10"/>
      <c r="E10" s="10"/>
      <c r="F10" s="10"/>
      <c r="G10" s="10"/>
      <c r="H10" s="10"/>
      <c r="I10" s="10"/>
      <c r="J10" s="10"/>
      <c r="K10" s="10"/>
      <c r="L10" s="55"/>
      <c r="M10" s="55"/>
      <c r="N10" s="55"/>
      <c r="O10" s="55"/>
      <c r="P10" s="55"/>
      <c r="Q10" s="55"/>
      <c r="R10" s="27"/>
    </row>
    <row r="11" spans="1:18" ht="30" customHeight="1" thickBot="1" x14ac:dyDescent="0.25">
      <c r="B11" s="11" t="s">
        <v>131</v>
      </c>
      <c r="C11" s="335" t="s">
        <v>169</v>
      </c>
      <c r="D11" s="336"/>
      <c r="E11" s="336"/>
      <c r="F11" s="336"/>
      <c r="G11" s="336"/>
      <c r="H11" s="336"/>
      <c r="I11" s="336"/>
      <c r="J11" s="336"/>
      <c r="K11" s="336"/>
      <c r="L11" s="336"/>
      <c r="M11" s="336"/>
      <c r="N11" s="336"/>
      <c r="O11" s="336"/>
      <c r="P11" s="336"/>
      <c r="Q11" s="337"/>
    </row>
    <row r="12" spans="1:18" s="26" customFormat="1" ht="18.75" customHeight="1" x14ac:dyDescent="0.25">
      <c r="A12" s="31"/>
      <c r="B12" s="343" t="s">
        <v>3</v>
      </c>
      <c r="C12" s="344"/>
      <c r="D12" s="347">
        <v>44704</v>
      </c>
      <c r="E12" s="348"/>
      <c r="F12" s="348"/>
      <c r="G12" s="348"/>
      <c r="H12" s="348"/>
      <c r="I12" s="348"/>
      <c r="J12" s="349"/>
      <c r="K12" s="345" t="s">
        <v>20</v>
      </c>
      <c r="L12" s="345"/>
      <c r="M12" s="324">
        <v>3</v>
      </c>
      <c r="N12" s="324"/>
      <c r="O12" s="324"/>
      <c r="P12" s="324"/>
      <c r="Q12" s="324"/>
      <c r="R12" s="26" t="s">
        <v>22</v>
      </c>
    </row>
    <row r="13" spans="1:18" s="26" customFormat="1" ht="18.75" customHeight="1" x14ac:dyDescent="0.25">
      <c r="A13" s="31"/>
      <c r="B13" s="304" t="s">
        <v>17</v>
      </c>
      <c r="C13" s="305"/>
      <c r="D13" s="325" t="s">
        <v>86</v>
      </c>
      <c r="E13" s="325"/>
      <c r="F13" s="325"/>
      <c r="G13" s="325"/>
      <c r="H13" s="325"/>
      <c r="I13" s="325"/>
      <c r="J13" s="325"/>
      <c r="K13" s="346" t="s">
        <v>18</v>
      </c>
      <c r="L13" s="346"/>
      <c r="M13" s="325" t="s">
        <v>170</v>
      </c>
      <c r="N13" s="325"/>
      <c r="O13" s="325"/>
      <c r="P13" s="325"/>
      <c r="Q13" s="325"/>
      <c r="R13" s="26" t="s">
        <v>21</v>
      </c>
    </row>
    <row r="14" spans="1:18" s="26" customFormat="1" ht="18.75" customHeight="1" x14ac:dyDescent="0.25">
      <c r="A14" s="31"/>
      <c r="B14" s="304" t="s">
        <v>19</v>
      </c>
      <c r="C14" s="306"/>
      <c r="D14" s="350"/>
      <c r="E14" s="351"/>
      <c r="F14" s="351"/>
      <c r="G14" s="351"/>
      <c r="H14" s="351"/>
      <c r="I14" s="351"/>
      <c r="J14" s="351"/>
      <c r="K14" s="351"/>
      <c r="L14" s="351"/>
      <c r="M14" s="351"/>
      <c r="N14" s="351"/>
      <c r="O14" s="351"/>
      <c r="P14" s="351"/>
      <c r="Q14" s="352"/>
      <c r="R14" s="26" t="s">
        <v>23</v>
      </c>
    </row>
    <row r="15" spans="1:18" s="26" customFormat="1" ht="25.5" customHeight="1" x14ac:dyDescent="0.2">
      <c r="A15" s="31"/>
      <c r="B15" s="326"/>
      <c r="C15" s="326"/>
      <c r="D15" s="326"/>
      <c r="E15" s="326"/>
      <c r="F15" s="326"/>
      <c r="G15" s="326"/>
      <c r="H15" s="326"/>
      <c r="I15" s="326"/>
      <c r="J15" s="326"/>
      <c r="K15" s="326"/>
      <c r="L15" s="326"/>
      <c r="M15" s="326"/>
      <c r="N15" s="326"/>
      <c r="O15" s="326"/>
      <c r="P15" s="326"/>
      <c r="Q15" s="326"/>
    </row>
    <row r="16" spans="1:18" s="26" customFormat="1" ht="22.5" customHeight="1" x14ac:dyDescent="0.25">
      <c r="A16" s="31"/>
      <c r="B16" s="329" t="s">
        <v>132</v>
      </c>
      <c r="C16" s="330"/>
      <c r="D16" s="330"/>
      <c r="E16" s="330"/>
      <c r="F16" s="330"/>
      <c r="G16" s="330"/>
      <c r="H16" s="330"/>
      <c r="I16" s="330"/>
      <c r="J16" s="330"/>
      <c r="K16" s="330"/>
      <c r="L16" s="330"/>
      <c r="M16" s="330"/>
      <c r="N16" s="330"/>
      <c r="O16" s="330"/>
      <c r="P16" s="330"/>
      <c r="Q16" s="331"/>
    </row>
    <row r="17" spans="1:18" s="26" customFormat="1" ht="18" customHeight="1" x14ac:dyDescent="0.25">
      <c r="A17" s="31"/>
      <c r="B17" s="317" t="s">
        <v>4</v>
      </c>
      <c r="C17" s="319"/>
      <c r="D17" s="246"/>
      <c r="E17" s="247"/>
      <c r="F17" s="247"/>
      <c r="G17" s="247"/>
      <c r="H17" s="247"/>
      <c r="I17" s="248"/>
      <c r="J17" s="317" t="s">
        <v>5</v>
      </c>
      <c r="K17" s="319"/>
      <c r="L17" s="339"/>
      <c r="M17" s="247"/>
      <c r="N17" s="247"/>
      <c r="O17" s="247"/>
      <c r="P17" s="247"/>
      <c r="Q17" s="248"/>
    </row>
    <row r="18" spans="1:18" s="26" customFormat="1" ht="18" customHeight="1" x14ac:dyDescent="0.25">
      <c r="A18" s="31"/>
      <c r="B18" s="317" t="s">
        <v>6</v>
      </c>
      <c r="C18" s="319"/>
      <c r="D18" s="246" t="s">
        <v>171</v>
      </c>
      <c r="E18" s="247"/>
      <c r="F18" s="247"/>
      <c r="G18" s="247"/>
      <c r="H18" s="247"/>
      <c r="I18" s="248"/>
      <c r="J18" s="317" t="s">
        <v>7</v>
      </c>
      <c r="K18" s="319"/>
      <c r="L18" s="339"/>
      <c r="M18" s="247"/>
      <c r="N18" s="247"/>
      <c r="O18" s="247"/>
      <c r="P18" s="247"/>
      <c r="Q18" s="248"/>
    </row>
    <row r="19" spans="1:18" s="26" customFormat="1" ht="18" customHeight="1" x14ac:dyDescent="0.25">
      <c r="B19" s="328" t="s">
        <v>8</v>
      </c>
      <c r="C19" s="328"/>
      <c r="D19" s="289" t="s">
        <v>172</v>
      </c>
      <c r="E19" s="289"/>
      <c r="F19" s="289"/>
      <c r="G19" s="289"/>
      <c r="H19" s="289"/>
      <c r="I19" s="289"/>
      <c r="J19" s="328" t="s">
        <v>9</v>
      </c>
      <c r="K19" s="328"/>
      <c r="L19" s="297"/>
      <c r="M19" s="289"/>
      <c r="N19" s="289"/>
      <c r="O19" s="289"/>
      <c r="P19" s="289"/>
      <c r="Q19" s="289"/>
    </row>
    <row r="20" spans="1:18" s="26" customFormat="1" ht="25.5" customHeight="1" x14ac:dyDescent="0.2">
      <c r="A20" s="31"/>
      <c r="B20" s="326"/>
      <c r="C20" s="326"/>
      <c r="D20" s="326"/>
      <c r="E20" s="326"/>
      <c r="F20" s="326"/>
      <c r="G20" s="326"/>
      <c r="H20" s="326"/>
      <c r="I20" s="326"/>
      <c r="J20" s="326"/>
      <c r="K20" s="326"/>
      <c r="L20" s="326"/>
      <c r="M20" s="326"/>
      <c r="N20" s="326"/>
      <c r="O20" s="326"/>
      <c r="P20" s="326"/>
      <c r="Q20" s="326"/>
    </row>
    <row r="21" spans="1:18" s="26" customFormat="1" ht="22.5" customHeight="1" x14ac:dyDescent="0.25">
      <c r="B21" s="257" t="s">
        <v>133</v>
      </c>
      <c r="C21" s="257"/>
      <c r="D21" s="257"/>
      <c r="E21" s="257"/>
      <c r="F21" s="257"/>
      <c r="G21" s="257"/>
      <c r="H21" s="257"/>
      <c r="I21" s="257"/>
      <c r="J21" s="257"/>
      <c r="K21" s="257"/>
      <c r="L21" s="257"/>
      <c r="M21" s="257"/>
      <c r="N21" s="257"/>
      <c r="O21" s="257"/>
      <c r="P21" s="257"/>
      <c r="Q21" s="257"/>
      <c r="R21" s="26" t="s">
        <v>24</v>
      </c>
    </row>
    <row r="22" spans="1:18" ht="18" customHeight="1" x14ac:dyDescent="0.2">
      <c r="B22" s="327" t="s">
        <v>85</v>
      </c>
      <c r="C22" s="327"/>
      <c r="D22" s="327"/>
      <c r="E22" s="327"/>
      <c r="F22" s="327"/>
      <c r="G22" s="327"/>
      <c r="H22" s="327"/>
      <c r="I22" s="327"/>
      <c r="J22" s="327"/>
      <c r="K22" s="327"/>
      <c r="L22" s="327"/>
      <c r="M22" s="327"/>
      <c r="N22" s="327"/>
      <c r="O22" s="327"/>
      <c r="P22" s="327"/>
      <c r="Q22" s="327"/>
    </row>
    <row r="23" spans="1:18" ht="25.5" customHeight="1" x14ac:dyDescent="0.2">
      <c r="B23" s="259"/>
      <c r="C23" s="259"/>
      <c r="D23" s="259"/>
      <c r="E23" s="259"/>
      <c r="F23" s="259"/>
      <c r="G23" s="259"/>
      <c r="H23" s="259"/>
      <c r="I23" s="259"/>
      <c r="J23" s="259"/>
      <c r="K23" s="259"/>
      <c r="L23" s="259"/>
      <c r="M23" s="259"/>
      <c r="N23" s="259"/>
      <c r="O23" s="259"/>
      <c r="P23" s="259"/>
      <c r="Q23" s="259"/>
    </row>
    <row r="24" spans="1:18" ht="25.5" customHeight="1" x14ac:dyDescent="0.2">
      <c r="B24" s="332"/>
      <c r="C24" s="332"/>
      <c r="D24" s="332"/>
      <c r="E24" s="332"/>
      <c r="F24" s="332"/>
      <c r="G24" s="332"/>
      <c r="H24" s="332"/>
      <c r="I24" s="332"/>
      <c r="J24" s="332"/>
      <c r="K24" s="332"/>
      <c r="L24" s="332"/>
      <c r="M24" s="332"/>
      <c r="N24" s="332"/>
      <c r="O24" s="332"/>
      <c r="P24" s="332"/>
      <c r="Q24" s="332"/>
    </row>
    <row r="25" spans="1:18" ht="22.5" customHeight="1" x14ac:dyDescent="0.2">
      <c r="B25" s="257" t="s">
        <v>134</v>
      </c>
      <c r="C25" s="257"/>
      <c r="D25" s="257"/>
      <c r="E25" s="257"/>
      <c r="F25" s="257"/>
      <c r="G25" s="257"/>
      <c r="H25" s="257"/>
      <c r="I25" s="257"/>
      <c r="J25" s="257"/>
      <c r="K25" s="257"/>
      <c r="L25" s="257"/>
      <c r="M25" s="257"/>
      <c r="N25" s="257"/>
      <c r="O25" s="257"/>
      <c r="P25" s="257"/>
      <c r="Q25" s="257"/>
    </row>
    <row r="26" spans="1:18" ht="180" customHeight="1" x14ac:dyDescent="0.2">
      <c r="B26" s="298" t="s">
        <v>173</v>
      </c>
      <c r="C26" s="299"/>
      <c r="D26" s="299"/>
      <c r="E26" s="299"/>
      <c r="F26" s="299"/>
      <c r="G26" s="299"/>
      <c r="H26" s="299"/>
      <c r="I26" s="299"/>
      <c r="J26" s="299" t="s">
        <v>173</v>
      </c>
      <c r="K26" s="299"/>
      <c r="L26" s="299"/>
      <c r="M26" s="299"/>
      <c r="N26" s="299"/>
      <c r="O26" s="299"/>
      <c r="P26" s="299"/>
      <c r="Q26" s="302"/>
      <c r="R26" s="26" t="s">
        <v>70</v>
      </c>
    </row>
    <row r="27" spans="1:18" ht="409.5" customHeight="1" x14ac:dyDescent="0.2">
      <c r="B27" s="300"/>
      <c r="C27" s="301"/>
      <c r="D27" s="301"/>
      <c r="E27" s="301"/>
      <c r="F27" s="301"/>
      <c r="G27" s="301"/>
      <c r="H27" s="301"/>
      <c r="I27" s="301"/>
      <c r="J27" s="301"/>
      <c r="K27" s="301"/>
      <c r="L27" s="301"/>
      <c r="M27" s="301"/>
      <c r="N27" s="301"/>
      <c r="O27" s="301"/>
      <c r="P27" s="301"/>
      <c r="Q27" s="303"/>
    </row>
    <row r="28" spans="1:18" ht="45.75" customHeight="1" x14ac:dyDescent="0.2">
      <c r="B28" s="57"/>
      <c r="C28" s="57"/>
      <c r="D28" s="57"/>
      <c r="E28" s="57"/>
      <c r="F28" s="57"/>
      <c r="G28" s="57"/>
      <c r="H28" s="57"/>
      <c r="I28" s="57"/>
      <c r="J28" s="57"/>
      <c r="K28" s="57"/>
      <c r="L28" s="57"/>
      <c r="M28" s="57"/>
      <c r="N28" s="57"/>
      <c r="O28" s="57"/>
      <c r="P28" s="57"/>
      <c r="Q28" s="57"/>
    </row>
    <row r="29" spans="1:18" ht="23.25" customHeight="1" x14ac:dyDescent="0.2">
      <c r="B29" s="295" t="s">
        <v>135</v>
      </c>
      <c r="C29" s="295"/>
      <c r="D29" s="295"/>
      <c r="E29" s="295"/>
      <c r="F29" s="295"/>
      <c r="G29" s="295"/>
      <c r="H29" s="295"/>
      <c r="I29" s="295"/>
      <c r="J29" s="295"/>
      <c r="K29" s="295"/>
      <c r="L29" s="295"/>
      <c r="M29" s="295"/>
      <c r="N29" s="295"/>
      <c r="O29" s="295"/>
      <c r="P29" s="295"/>
      <c r="Q29" s="295"/>
    </row>
    <row r="30" spans="1:18" ht="89.25" customHeight="1" x14ac:dyDescent="0.2">
      <c r="B30" s="58" t="s">
        <v>10</v>
      </c>
      <c r="C30" s="41" t="s">
        <v>11</v>
      </c>
      <c r="D30" s="41" t="s">
        <v>108</v>
      </c>
      <c r="E30" s="41" t="s">
        <v>109</v>
      </c>
      <c r="F30" s="41" t="s">
        <v>110</v>
      </c>
      <c r="G30" s="41" t="s">
        <v>111</v>
      </c>
      <c r="H30" s="59" t="s">
        <v>12</v>
      </c>
      <c r="I30" s="41" t="s">
        <v>148</v>
      </c>
      <c r="J30" s="41" t="s">
        <v>60</v>
      </c>
      <c r="K30" s="59" t="s">
        <v>26</v>
      </c>
      <c r="L30" s="59" t="s">
        <v>27</v>
      </c>
      <c r="M30" s="60" t="s">
        <v>167</v>
      </c>
      <c r="N30" s="59" t="s">
        <v>434</v>
      </c>
      <c r="O30" s="94" t="s">
        <v>510</v>
      </c>
      <c r="P30" s="59" t="s">
        <v>66</v>
      </c>
      <c r="Q30" s="61" t="s">
        <v>166</v>
      </c>
    </row>
    <row r="31" spans="1:18" ht="89.25" customHeight="1" x14ac:dyDescent="0.2">
      <c r="B31" s="219" t="s">
        <v>365</v>
      </c>
      <c r="C31" s="114" t="s">
        <v>174</v>
      </c>
      <c r="D31" s="115" t="s">
        <v>375</v>
      </c>
      <c r="E31" s="115">
        <v>0</v>
      </c>
      <c r="F31" s="115" t="s">
        <v>375</v>
      </c>
      <c r="G31" s="115">
        <v>0.43</v>
      </c>
      <c r="H31" s="116">
        <v>0.43</v>
      </c>
      <c r="I31" s="117" t="s">
        <v>376</v>
      </c>
      <c r="J31" s="114">
        <v>50</v>
      </c>
      <c r="K31" s="118">
        <v>40</v>
      </c>
      <c r="L31" s="114" t="s">
        <v>195</v>
      </c>
      <c r="M31" s="114">
        <v>0</v>
      </c>
      <c r="N31" s="114">
        <v>34</v>
      </c>
      <c r="O31" s="63" t="s">
        <v>435</v>
      </c>
      <c r="P31" s="114">
        <v>40</v>
      </c>
      <c r="Q31" s="119" t="s">
        <v>200</v>
      </c>
    </row>
    <row r="32" spans="1:18" ht="89.25" customHeight="1" x14ac:dyDescent="0.2">
      <c r="B32" s="219" t="s">
        <v>366</v>
      </c>
      <c r="C32" s="114" t="s">
        <v>174</v>
      </c>
      <c r="D32" s="115" t="s">
        <v>375</v>
      </c>
      <c r="E32" s="115">
        <v>0.43</v>
      </c>
      <c r="F32" s="115" t="s">
        <v>375</v>
      </c>
      <c r="G32" s="115">
        <v>0.66600000000000004</v>
      </c>
      <c r="H32" s="116">
        <v>0.23600000000000004</v>
      </c>
      <c r="I32" s="117" t="s">
        <v>377</v>
      </c>
      <c r="J32" s="114">
        <v>50</v>
      </c>
      <c r="K32" s="118">
        <v>40</v>
      </c>
      <c r="L32" s="114" t="s">
        <v>195</v>
      </c>
      <c r="M32" s="114">
        <v>0</v>
      </c>
      <c r="N32" s="114">
        <v>39</v>
      </c>
      <c r="O32" s="63" t="s">
        <v>436</v>
      </c>
      <c r="P32" s="114">
        <v>50</v>
      </c>
      <c r="Q32" s="65" t="s">
        <v>387</v>
      </c>
    </row>
    <row r="33" spans="2:17" ht="89.25" customHeight="1" x14ac:dyDescent="0.2">
      <c r="B33" s="219" t="s">
        <v>367</v>
      </c>
      <c r="C33" s="114" t="s">
        <v>174</v>
      </c>
      <c r="D33" s="115" t="s">
        <v>375</v>
      </c>
      <c r="E33" s="115">
        <v>0.66600000000000004</v>
      </c>
      <c r="F33" s="115" t="s">
        <v>375</v>
      </c>
      <c r="G33" s="115">
        <v>2.008</v>
      </c>
      <c r="H33" s="116">
        <v>1.3420000000000001</v>
      </c>
      <c r="I33" s="117" t="s">
        <v>378</v>
      </c>
      <c r="J33" s="114">
        <v>50</v>
      </c>
      <c r="K33" s="118">
        <v>60</v>
      </c>
      <c r="L33" s="114" t="s">
        <v>195</v>
      </c>
      <c r="M33" s="114">
        <v>0</v>
      </c>
      <c r="N33" s="114">
        <v>48</v>
      </c>
      <c r="O33" s="63" t="s">
        <v>437</v>
      </c>
      <c r="P33" s="114">
        <v>50</v>
      </c>
      <c r="Q33" s="65" t="s">
        <v>386</v>
      </c>
    </row>
    <row r="34" spans="2:17" ht="89.25" customHeight="1" x14ac:dyDescent="0.2">
      <c r="B34" s="219" t="s">
        <v>368</v>
      </c>
      <c r="C34" s="114" t="s">
        <v>174</v>
      </c>
      <c r="D34" s="115" t="s">
        <v>375</v>
      </c>
      <c r="E34" s="115">
        <v>2.008</v>
      </c>
      <c r="F34" s="115" t="s">
        <v>375</v>
      </c>
      <c r="G34" s="115">
        <v>5.29</v>
      </c>
      <c r="H34" s="116">
        <v>3.282</v>
      </c>
      <c r="I34" s="117" t="s">
        <v>379</v>
      </c>
      <c r="J34" s="114">
        <v>100</v>
      </c>
      <c r="K34" s="118">
        <v>80</v>
      </c>
      <c r="L34" s="114" t="s">
        <v>196</v>
      </c>
      <c r="M34" s="114">
        <v>0.11</v>
      </c>
      <c r="N34" s="114">
        <v>83</v>
      </c>
      <c r="O34" s="63" t="s">
        <v>437</v>
      </c>
      <c r="P34" s="114">
        <v>80</v>
      </c>
      <c r="Q34" s="119" t="s">
        <v>200</v>
      </c>
    </row>
    <row r="35" spans="2:17" ht="89.25" customHeight="1" x14ac:dyDescent="0.2">
      <c r="B35" s="219" t="s">
        <v>369</v>
      </c>
      <c r="C35" s="114" t="s">
        <v>174</v>
      </c>
      <c r="D35" s="115" t="s">
        <v>375</v>
      </c>
      <c r="E35" s="115">
        <v>5.29</v>
      </c>
      <c r="F35" s="115" t="s">
        <v>375</v>
      </c>
      <c r="G35" s="115">
        <v>6.6820000000000004</v>
      </c>
      <c r="H35" s="116">
        <v>1.3920000000000003</v>
      </c>
      <c r="I35" s="117" t="s">
        <v>380</v>
      </c>
      <c r="J35" s="114">
        <v>100</v>
      </c>
      <c r="K35" s="118">
        <v>80</v>
      </c>
      <c r="L35" s="114" t="s">
        <v>195</v>
      </c>
      <c r="M35" s="114">
        <v>0.1</v>
      </c>
      <c r="N35" s="114">
        <v>91</v>
      </c>
      <c r="O35" s="63" t="s">
        <v>438</v>
      </c>
      <c r="P35" s="114">
        <v>80</v>
      </c>
      <c r="Q35" s="119" t="s">
        <v>200</v>
      </c>
    </row>
    <row r="36" spans="2:17" ht="96" x14ac:dyDescent="0.2">
      <c r="B36" s="219" t="s">
        <v>370</v>
      </c>
      <c r="C36" s="114" t="s">
        <v>174</v>
      </c>
      <c r="D36" s="115" t="s">
        <v>375</v>
      </c>
      <c r="E36" s="115">
        <v>6.6820000000000004</v>
      </c>
      <c r="F36" s="115" t="s">
        <v>375</v>
      </c>
      <c r="G36" s="203">
        <v>7.83</v>
      </c>
      <c r="H36" s="116">
        <v>1.1479999999999997</v>
      </c>
      <c r="I36" s="117" t="s">
        <v>381</v>
      </c>
      <c r="J36" s="114">
        <v>100</v>
      </c>
      <c r="K36" s="118">
        <v>80</v>
      </c>
      <c r="L36" s="114" t="s">
        <v>195</v>
      </c>
      <c r="M36" s="114">
        <v>0.03</v>
      </c>
      <c r="N36" s="114">
        <v>91</v>
      </c>
      <c r="O36" s="63" t="s">
        <v>436</v>
      </c>
      <c r="P36" s="114">
        <v>80</v>
      </c>
      <c r="Q36" s="119" t="s">
        <v>200</v>
      </c>
    </row>
    <row r="37" spans="2:17" ht="89.25" customHeight="1" x14ac:dyDescent="0.2">
      <c r="B37" s="219" t="s">
        <v>371</v>
      </c>
      <c r="C37" s="114" t="s">
        <v>174</v>
      </c>
      <c r="D37" s="115" t="s">
        <v>375</v>
      </c>
      <c r="E37" s="203">
        <v>7.83</v>
      </c>
      <c r="F37" s="115" t="s">
        <v>176</v>
      </c>
      <c r="G37" s="203">
        <v>0.69899999999999995</v>
      </c>
      <c r="H37" s="116">
        <v>10.516999999999999</v>
      </c>
      <c r="I37" s="117" t="s">
        <v>382</v>
      </c>
      <c r="J37" s="114">
        <v>100</v>
      </c>
      <c r="K37" s="118">
        <v>80</v>
      </c>
      <c r="L37" s="114" t="s">
        <v>195</v>
      </c>
      <c r="M37" s="114">
        <v>0.46</v>
      </c>
      <c r="N37" s="114">
        <v>91</v>
      </c>
      <c r="O37" s="63" t="s">
        <v>435</v>
      </c>
      <c r="P37" s="114">
        <v>80</v>
      </c>
      <c r="Q37" s="119" t="s">
        <v>200</v>
      </c>
    </row>
    <row r="38" spans="2:17" ht="132.6" customHeight="1" x14ac:dyDescent="0.2">
      <c r="B38" s="219" t="s">
        <v>372</v>
      </c>
      <c r="C38" s="114" t="s">
        <v>174</v>
      </c>
      <c r="D38" s="115" t="s">
        <v>176</v>
      </c>
      <c r="E38" s="203">
        <v>0.69899999999999995</v>
      </c>
      <c r="F38" s="115" t="s">
        <v>176</v>
      </c>
      <c r="G38" s="203">
        <v>1.407</v>
      </c>
      <c r="H38" s="116">
        <v>0.70800000000000007</v>
      </c>
      <c r="I38" s="117" t="s">
        <v>383</v>
      </c>
      <c r="J38" s="114">
        <v>80</v>
      </c>
      <c r="K38" s="118">
        <v>50</v>
      </c>
      <c r="L38" s="114" t="s">
        <v>196</v>
      </c>
      <c r="M38" s="114">
        <v>0.04</v>
      </c>
      <c r="N38" s="114">
        <v>78</v>
      </c>
      <c r="O38" s="63" t="s">
        <v>437</v>
      </c>
      <c r="P38" s="114">
        <v>60</v>
      </c>
      <c r="Q38" s="65" t="s">
        <v>388</v>
      </c>
    </row>
    <row r="39" spans="2:17" ht="112.35" customHeight="1" x14ac:dyDescent="0.2">
      <c r="B39" s="219" t="s">
        <v>373</v>
      </c>
      <c r="C39" s="114" t="s">
        <v>174</v>
      </c>
      <c r="D39" s="115" t="s">
        <v>176</v>
      </c>
      <c r="E39" s="203">
        <v>1.0680000000000001</v>
      </c>
      <c r="F39" s="115" t="s">
        <v>176</v>
      </c>
      <c r="G39" s="203">
        <v>1.31</v>
      </c>
      <c r="H39" s="116">
        <v>0.24199999999999999</v>
      </c>
      <c r="I39" s="117" t="s">
        <v>433</v>
      </c>
      <c r="J39" s="114">
        <v>80</v>
      </c>
      <c r="K39" s="118" t="s">
        <v>385</v>
      </c>
      <c r="L39" s="114" t="s">
        <v>385</v>
      </c>
      <c r="M39" s="114" t="s">
        <v>385</v>
      </c>
      <c r="N39" s="114" t="s">
        <v>385</v>
      </c>
      <c r="O39" s="63" t="s">
        <v>385</v>
      </c>
      <c r="P39" s="114">
        <v>60</v>
      </c>
      <c r="Q39" s="65" t="s">
        <v>389</v>
      </c>
    </row>
    <row r="40" spans="2:17" ht="109.35" customHeight="1" x14ac:dyDescent="0.2">
      <c r="B40" s="219" t="s">
        <v>374</v>
      </c>
      <c r="C40" s="114" t="s">
        <v>174</v>
      </c>
      <c r="D40" s="115" t="s">
        <v>176</v>
      </c>
      <c r="E40" s="203">
        <v>1.407</v>
      </c>
      <c r="F40" s="115" t="s">
        <v>176</v>
      </c>
      <c r="G40" s="203">
        <v>4.29</v>
      </c>
      <c r="H40" s="116">
        <v>2.883</v>
      </c>
      <c r="I40" s="117" t="s">
        <v>384</v>
      </c>
      <c r="J40" s="114">
        <v>100</v>
      </c>
      <c r="K40" s="118">
        <v>100</v>
      </c>
      <c r="L40" s="114" t="s">
        <v>195</v>
      </c>
      <c r="M40" s="114">
        <v>0</v>
      </c>
      <c r="N40" s="114">
        <v>90</v>
      </c>
      <c r="O40" s="63" t="s">
        <v>435</v>
      </c>
      <c r="P40" s="114">
        <v>100</v>
      </c>
      <c r="Q40" s="119" t="s">
        <v>200</v>
      </c>
    </row>
    <row r="41" spans="2:17" ht="89.25" customHeight="1" x14ac:dyDescent="0.2">
      <c r="B41" s="120">
        <v>1</v>
      </c>
      <c r="C41" s="121" t="s">
        <v>174</v>
      </c>
      <c r="D41" s="115" t="s">
        <v>176</v>
      </c>
      <c r="E41" s="115">
        <v>4.29</v>
      </c>
      <c r="F41" s="115" t="s">
        <v>176</v>
      </c>
      <c r="G41" s="123">
        <v>4.8940000000000001</v>
      </c>
      <c r="H41" s="116">
        <v>0.6</v>
      </c>
      <c r="I41" s="117" t="s">
        <v>384</v>
      </c>
      <c r="J41" s="114">
        <v>70</v>
      </c>
      <c r="K41" s="118">
        <v>80</v>
      </c>
      <c r="L41" s="114" t="s">
        <v>195</v>
      </c>
      <c r="M41" s="114">
        <v>0.02</v>
      </c>
      <c r="N41" s="124">
        <v>57.5</v>
      </c>
      <c r="O41" s="63" t="s">
        <v>437</v>
      </c>
      <c r="P41" s="114">
        <v>60</v>
      </c>
      <c r="Q41" s="65" t="s">
        <v>199</v>
      </c>
    </row>
    <row r="42" spans="2:17" ht="89.25" customHeight="1" x14ac:dyDescent="0.2">
      <c r="B42" s="120">
        <v>2</v>
      </c>
      <c r="C42" s="121" t="s">
        <v>174</v>
      </c>
      <c r="D42" s="115" t="s">
        <v>176</v>
      </c>
      <c r="E42" s="115">
        <v>4.8940000000000001</v>
      </c>
      <c r="F42" s="115" t="s">
        <v>176</v>
      </c>
      <c r="G42" s="123">
        <v>6.8</v>
      </c>
      <c r="H42" s="116">
        <v>1.91</v>
      </c>
      <c r="I42" s="117" t="s">
        <v>180</v>
      </c>
      <c r="J42" s="114">
        <v>100</v>
      </c>
      <c r="K42" s="118">
        <v>80</v>
      </c>
      <c r="L42" s="114" t="s">
        <v>196</v>
      </c>
      <c r="M42" s="114">
        <v>0.05</v>
      </c>
      <c r="N42" s="124">
        <v>86.23</v>
      </c>
      <c r="O42" s="63" t="s">
        <v>437</v>
      </c>
      <c r="P42" s="114">
        <v>80</v>
      </c>
      <c r="Q42" s="119" t="s">
        <v>200</v>
      </c>
    </row>
    <row r="43" spans="2:17" ht="89.25" customHeight="1" x14ac:dyDescent="0.2">
      <c r="B43" s="120">
        <v>3</v>
      </c>
      <c r="C43" s="121" t="s">
        <v>174</v>
      </c>
      <c r="D43" s="115" t="s">
        <v>176</v>
      </c>
      <c r="E43" s="115">
        <v>6.8</v>
      </c>
      <c r="F43" s="115" t="s">
        <v>176</v>
      </c>
      <c r="G43" s="123">
        <v>8.8249999999999993</v>
      </c>
      <c r="H43" s="116">
        <v>2.0299999999999998</v>
      </c>
      <c r="I43" s="117" t="s">
        <v>181</v>
      </c>
      <c r="J43" s="114">
        <v>100</v>
      </c>
      <c r="K43" s="118">
        <v>80</v>
      </c>
      <c r="L43" s="114" t="s">
        <v>196</v>
      </c>
      <c r="M43" s="114">
        <v>0.02</v>
      </c>
      <c r="N43" s="124">
        <v>81.94</v>
      </c>
      <c r="O43" s="63" t="s">
        <v>435</v>
      </c>
      <c r="P43" s="114">
        <v>80</v>
      </c>
      <c r="Q43" s="119" t="s">
        <v>200</v>
      </c>
    </row>
    <row r="44" spans="2:17" ht="89.25" customHeight="1" x14ac:dyDescent="0.2">
      <c r="B44" s="120">
        <v>4</v>
      </c>
      <c r="C44" s="121" t="s">
        <v>174</v>
      </c>
      <c r="D44" s="115" t="s">
        <v>176</v>
      </c>
      <c r="E44" s="115">
        <v>8.8249999999999993</v>
      </c>
      <c r="F44" s="115" t="s">
        <v>176</v>
      </c>
      <c r="G44" s="123">
        <v>9.3000000000000007</v>
      </c>
      <c r="H44" s="116">
        <v>0.48</v>
      </c>
      <c r="I44" s="117" t="s">
        <v>182</v>
      </c>
      <c r="J44" s="114">
        <v>50</v>
      </c>
      <c r="K44" s="118">
        <v>60</v>
      </c>
      <c r="L44" s="114" t="s">
        <v>196</v>
      </c>
      <c r="M44" s="114">
        <v>0</v>
      </c>
      <c r="N44" s="124">
        <v>55.79</v>
      </c>
      <c r="O44" s="63" t="s">
        <v>437</v>
      </c>
      <c r="P44" s="114">
        <v>50</v>
      </c>
      <c r="Q44" s="65" t="s">
        <v>201</v>
      </c>
    </row>
    <row r="45" spans="2:17" ht="89.25" customHeight="1" x14ac:dyDescent="0.2">
      <c r="B45" s="120">
        <v>5</v>
      </c>
      <c r="C45" s="121" t="s">
        <v>174</v>
      </c>
      <c r="D45" s="115" t="s">
        <v>176</v>
      </c>
      <c r="E45" s="115">
        <v>9.3000000000000007</v>
      </c>
      <c r="F45" s="115" t="s">
        <v>177</v>
      </c>
      <c r="G45" s="123">
        <v>1.22</v>
      </c>
      <c r="H45" s="116">
        <v>1.91</v>
      </c>
      <c r="I45" s="117" t="s">
        <v>183</v>
      </c>
      <c r="J45" s="114">
        <v>50</v>
      </c>
      <c r="K45" s="118">
        <v>40</v>
      </c>
      <c r="L45" s="114" t="s">
        <v>196</v>
      </c>
      <c r="M45" s="114">
        <v>0.03</v>
      </c>
      <c r="N45" s="124">
        <v>42.49</v>
      </c>
      <c r="O45" s="63" t="s">
        <v>437</v>
      </c>
      <c r="P45" s="114">
        <v>40</v>
      </c>
      <c r="Q45" s="119" t="s">
        <v>200</v>
      </c>
    </row>
    <row r="46" spans="2:17" ht="89.25" customHeight="1" x14ac:dyDescent="0.2">
      <c r="B46" s="120">
        <v>6</v>
      </c>
      <c r="C46" s="121" t="s">
        <v>174</v>
      </c>
      <c r="D46" s="115" t="s">
        <v>177</v>
      </c>
      <c r="E46" s="115">
        <v>1.22</v>
      </c>
      <c r="F46" s="115" t="s">
        <v>177</v>
      </c>
      <c r="G46" s="123">
        <v>1.637</v>
      </c>
      <c r="H46" s="116">
        <v>0.42</v>
      </c>
      <c r="I46" s="117" t="s">
        <v>184</v>
      </c>
      <c r="J46" s="114">
        <v>50</v>
      </c>
      <c r="K46" s="118">
        <v>50</v>
      </c>
      <c r="L46" s="114" t="s">
        <v>195</v>
      </c>
      <c r="M46" s="114">
        <v>0</v>
      </c>
      <c r="N46" s="124">
        <v>52.37</v>
      </c>
      <c r="O46" s="63" t="s">
        <v>438</v>
      </c>
      <c r="P46" s="114">
        <v>50</v>
      </c>
      <c r="Q46" s="119" t="s">
        <v>200</v>
      </c>
    </row>
    <row r="47" spans="2:17" ht="89.25" customHeight="1" x14ac:dyDescent="0.2">
      <c r="B47" s="120">
        <v>7</v>
      </c>
      <c r="C47" s="121" t="s">
        <v>174</v>
      </c>
      <c r="D47" s="115" t="s">
        <v>177</v>
      </c>
      <c r="E47" s="115">
        <v>1.637</v>
      </c>
      <c r="F47" s="115" t="s">
        <v>177</v>
      </c>
      <c r="G47" s="123">
        <v>2.52</v>
      </c>
      <c r="H47" s="116">
        <v>0.88</v>
      </c>
      <c r="I47" s="117" t="s">
        <v>185</v>
      </c>
      <c r="J47" s="114">
        <v>70</v>
      </c>
      <c r="K47" s="118">
        <v>60</v>
      </c>
      <c r="L47" s="114" t="s">
        <v>195</v>
      </c>
      <c r="M47" s="114">
        <v>0</v>
      </c>
      <c r="N47" s="124">
        <v>66.34</v>
      </c>
      <c r="O47" s="63" t="s">
        <v>436</v>
      </c>
      <c r="P47" s="114">
        <v>60</v>
      </c>
      <c r="Q47" s="119" t="s">
        <v>200</v>
      </c>
    </row>
    <row r="48" spans="2:17" ht="89.25" customHeight="1" x14ac:dyDescent="0.2">
      <c r="B48" s="120">
        <v>8</v>
      </c>
      <c r="C48" s="121" t="s">
        <v>174</v>
      </c>
      <c r="D48" s="115" t="s">
        <v>177</v>
      </c>
      <c r="E48" s="115">
        <v>2.52</v>
      </c>
      <c r="F48" s="115" t="s">
        <v>177</v>
      </c>
      <c r="G48" s="123">
        <v>3.08</v>
      </c>
      <c r="H48" s="116">
        <v>0.56000000000000005</v>
      </c>
      <c r="I48" s="117" t="s">
        <v>186</v>
      </c>
      <c r="J48" s="114">
        <v>70</v>
      </c>
      <c r="K48" s="118">
        <v>60</v>
      </c>
      <c r="L48" s="114" t="s">
        <v>195</v>
      </c>
      <c r="M48" s="114">
        <v>0</v>
      </c>
      <c r="N48" s="124">
        <v>66.34</v>
      </c>
      <c r="O48" s="63" t="s">
        <v>435</v>
      </c>
      <c r="P48" s="114">
        <v>60</v>
      </c>
      <c r="Q48" s="119" t="s">
        <v>200</v>
      </c>
    </row>
    <row r="49" spans="2:17" ht="47.1" customHeight="1" x14ac:dyDescent="0.2">
      <c r="B49" s="120">
        <v>9</v>
      </c>
      <c r="C49" s="121" t="s">
        <v>174</v>
      </c>
      <c r="D49" s="115" t="s">
        <v>177</v>
      </c>
      <c r="E49" s="63">
        <v>3.08</v>
      </c>
      <c r="F49" s="115" t="s">
        <v>177</v>
      </c>
      <c r="G49" s="63">
        <v>3.6579999999999999</v>
      </c>
      <c r="H49" s="63">
        <v>0.57999999999999996</v>
      </c>
      <c r="I49" s="64" t="s">
        <v>187</v>
      </c>
      <c r="J49" s="63">
        <v>70</v>
      </c>
      <c r="K49" s="63">
        <v>80</v>
      </c>
      <c r="L49" s="63" t="s">
        <v>195</v>
      </c>
      <c r="M49" s="63">
        <v>0</v>
      </c>
      <c r="N49" s="124">
        <v>72.17</v>
      </c>
      <c r="O49" s="63" t="s">
        <v>436</v>
      </c>
      <c r="P49" s="63">
        <v>60</v>
      </c>
      <c r="Q49" s="65" t="s">
        <v>202</v>
      </c>
    </row>
    <row r="50" spans="2:17" ht="47.1" customHeight="1" x14ac:dyDescent="0.2">
      <c r="B50" s="120">
        <v>10</v>
      </c>
      <c r="C50" s="121" t="s">
        <v>174</v>
      </c>
      <c r="D50" s="115" t="s">
        <v>177</v>
      </c>
      <c r="E50" s="63">
        <v>3.6579999999999999</v>
      </c>
      <c r="F50" s="115" t="s">
        <v>177</v>
      </c>
      <c r="G50" s="63">
        <v>12.105</v>
      </c>
      <c r="H50" s="63">
        <v>8.4499999999999993</v>
      </c>
      <c r="I50" s="64" t="s">
        <v>188</v>
      </c>
      <c r="J50" s="63">
        <v>100</v>
      </c>
      <c r="K50" s="63">
        <v>80</v>
      </c>
      <c r="L50" s="63" t="s">
        <v>196</v>
      </c>
      <c r="M50" s="63">
        <v>0.15</v>
      </c>
      <c r="N50" s="124">
        <v>81.349999999999994</v>
      </c>
      <c r="O50" s="63" t="s">
        <v>437</v>
      </c>
      <c r="P50" s="63">
        <v>80</v>
      </c>
      <c r="Q50" s="65" t="s">
        <v>200</v>
      </c>
    </row>
    <row r="51" spans="2:17" ht="47.1" customHeight="1" x14ac:dyDescent="0.2">
      <c r="B51" s="120">
        <v>11</v>
      </c>
      <c r="C51" s="121" t="s">
        <v>174</v>
      </c>
      <c r="D51" s="115" t="s">
        <v>177</v>
      </c>
      <c r="E51" s="63">
        <v>12.105</v>
      </c>
      <c r="F51" s="115" t="s">
        <v>178</v>
      </c>
      <c r="G51" s="63">
        <v>0</v>
      </c>
      <c r="H51" s="63">
        <v>3.65</v>
      </c>
      <c r="I51" s="64" t="s">
        <v>189</v>
      </c>
      <c r="J51" s="63">
        <v>100</v>
      </c>
      <c r="K51" s="63">
        <v>60</v>
      </c>
      <c r="L51" s="63" t="s">
        <v>196</v>
      </c>
      <c r="M51" s="63">
        <v>0.35</v>
      </c>
      <c r="N51" s="124">
        <v>81.349999999999994</v>
      </c>
      <c r="O51" s="63" t="s">
        <v>438</v>
      </c>
      <c r="P51" s="63">
        <v>60</v>
      </c>
      <c r="Q51" s="65" t="s">
        <v>200</v>
      </c>
    </row>
    <row r="52" spans="2:17" ht="47.1" customHeight="1" x14ac:dyDescent="0.2">
      <c r="B52" s="120">
        <v>12</v>
      </c>
      <c r="C52" s="121" t="s">
        <v>174</v>
      </c>
      <c r="D52" s="115" t="s">
        <v>178</v>
      </c>
      <c r="E52" s="115">
        <v>0</v>
      </c>
      <c r="F52" s="115" t="s">
        <v>178</v>
      </c>
      <c r="G52" s="63">
        <v>8.18</v>
      </c>
      <c r="H52" s="116">
        <v>8.18</v>
      </c>
      <c r="I52" s="117" t="s">
        <v>187</v>
      </c>
      <c r="J52" s="114">
        <v>100</v>
      </c>
      <c r="K52" s="118">
        <v>100</v>
      </c>
      <c r="L52" s="114" t="s">
        <v>196</v>
      </c>
      <c r="M52" s="114">
        <v>0</v>
      </c>
      <c r="N52" s="124">
        <v>90.06</v>
      </c>
      <c r="O52" s="63" t="s">
        <v>436</v>
      </c>
      <c r="P52" s="114">
        <v>100</v>
      </c>
      <c r="Q52" s="119" t="s">
        <v>200</v>
      </c>
    </row>
    <row r="53" spans="2:17" ht="47.1" customHeight="1" x14ac:dyDescent="0.2">
      <c r="B53" s="120">
        <v>13</v>
      </c>
      <c r="C53" s="121" t="s">
        <v>174</v>
      </c>
      <c r="D53" s="115" t="s">
        <v>178</v>
      </c>
      <c r="E53" s="115">
        <v>8.18</v>
      </c>
      <c r="F53" s="115" t="s">
        <v>178</v>
      </c>
      <c r="G53" s="63">
        <v>8.875</v>
      </c>
      <c r="H53" s="116">
        <v>0.7</v>
      </c>
      <c r="I53" s="117" t="s">
        <v>190</v>
      </c>
      <c r="J53" s="114">
        <v>60</v>
      </c>
      <c r="K53" s="118">
        <v>60</v>
      </c>
      <c r="L53" s="114" t="s">
        <v>195</v>
      </c>
      <c r="M53" s="114">
        <v>0</v>
      </c>
      <c r="N53" s="124">
        <v>62.72</v>
      </c>
      <c r="O53" s="63" t="s">
        <v>436</v>
      </c>
      <c r="P53" s="114">
        <v>60</v>
      </c>
      <c r="Q53" s="119" t="s">
        <v>200</v>
      </c>
    </row>
    <row r="54" spans="2:17" ht="47.1" customHeight="1" x14ac:dyDescent="0.2">
      <c r="B54" s="120">
        <v>14</v>
      </c>
      <c r="C54" s="121" t="s">
        <v>174</v>
      </c>
      <c r="D54" s="115" t="s">
        <v>178</v>
      </c>
      <c r="E54" s="115">
        <v>8.875</v>
      </c>
      <c r="F54" s="115" t="s">
        <v>178</v>
      </c>
      <c r="G54" s="63">
        <v>9.6059999999999999</v>
      </c>
      <c r="H54" s="116">
        <v>0.73</v>
      </c>
      <c r="I54" s="117" t="s">
        <v>191</v>
      </c>
      <c r="J54" s="114">
        <v>50</v>
      </c>
      <c r="K54" s="118">
        <v>60</v>
      </c>
      <c r="L54" s="114" t="s">
        <v>195</v>
      </c>
      <c r="M54" s="114">
        <v>0</v>
      </c>
      <c r="N54" s="124">
        <v>54.33</v>
      </c>
      <c r="O54" s="63" t="s">
        <v>436</v>
      </c>
      <c r="P54" s="114">
        <v>50</v>
      </c>
      <c r="Q54" s="119" t="s">
        <v>203</v>
      </c>
    </row>
    <row r="55" spans="2:17" ht="47.1" customHeight="1" x14ac:dyDescent="0.2">
      <c r="B55" s="120">
        <v>15</v>
      </c>
      <c r="C55" s="121">
        <v>6</v>
      </c>
      <c r="D55" s="122" t="s">
        <v>179</v>
      </c>
      <c r="E55" s="115">
        <v>0</v>
      </c>
      <c r="F55" s="122" t="s">
        <v>179</v>
      </c>
      <c r="G55" s="63">
        <v>0.4</v>
      </c>
      <c r="H55" s="116">
        <v>0.4</v>
      </c>
      <c r="I55" s="117" t="s">
        <v>183</v>
      </c>
      <c r="J55" s="114">
        <v>50</v>
      </c>
      <c r="K55" s="118">
        <v>40</v>
      </c>
      <c r="L55" s="114" t="s">
        <v>195</v>
      </c>
      <c r="M55" s="114">
        <v>0</v>
      </c>
      <c r="N55" s="124">
        <v>39.75</v>
      </c>
      <c r="O55" s="63" t="s">
        <v>438</v>
      </c>
      <c r="P55" s="114">
        <v>40</v>
      </c>
      <c r="Q55" s="119" t="s">
        <v>200</v>
      </c>
    </row>
    <row r="56" spans="2:17" ht="47.1" customHeight="1" x14ac:dyDescent="0.2">
      <c r="B56" s="120">
        <v>16</v>
      </c>
      <c r="C56" s="121">
        <v>6</v>
      </c>
      <c r="D56" s="122" t="s">
        <v>179</v>
      </c>
      <c r="E56" s="115">
        <v>0.4</v>
      </c>
      <c r="F56" s="122" t="s">
        <v>179</v>
      </c>
      <c r="G56" s="63">
        <v>1.5720000000000001</v>
      </c>
      <c r="H56" s="116">
        <v>1.18</v>
      </c>
      <c r="I56" s="117" t="s">
        <v>192</v>
      </c>
      <c r="J56" s="114">
        <v>50</v>
      </c>
      <c r="K56" s="118">
        <v>60</v>
      </c>
      <c r="L56" s="114" t="s">
        <v>195</v>
      </c>
      <c r="M56" s="114">
        <v>0</v>
      </c>
      <c r="N56" s="124">
        <v>48.42</v>
      </c>
      <c r="O56" s="63" t="s">
        <v>435</v>
      </c>
      <c r="P56" s="114">
        <v>50</v>
      </c>
      <c r="Q56" s="119" t="s">
        <v>204</v>
      </c>
    </row>
    <row r="57" spans="2:17" ht="47.1" customHeight="1" x14ac:dyDescent="0.2">
      <c r="B57" s="120" t="s">
        <v>175</v>
      </c>
      <c r="C57" s="121">
        <v>6</v>
      </c>
      <c r="D57" s="122" t="s">
        <v>179</v>
      </c>
      <c r="E57" s="63">
        <v>0.98899999999999999</v>
      </c>
      <c r="F57" s="122" t="s">
        <v>179</v>
      </c>
      <c r="G57" s="63">
        <v>1.4219999999999999</v>
      </c>
      <c r="H57" s="63">
        <v>0.433</v>
      </c>
      <c r="I57" s="64" t="s">
        <v>193</v>
      </c>
      <c r="J57" s="63" t="s">
        <v>197</v>
      </c>
      <c r="K57" s="63" t="s">
        <v>198</v>
      </c>
      <c r="L57" s="63" t="s">
        <v>198</v>
      </c>
      <c r="M57" s="63" t="s">
        <v>198</v>
      </c>
      <c r="N57" s="124">
        <v>48.42</v>
      </c>
      <c r="O57" s="63" t="s">
        <v>385</v>
      </c>
      <c r="P57" s="63" t="s">
        <v>205</v>
      </c>
      <c r="Q57" s="65" t="s">
        <v>206</v>
      </c>
    </row>
    <row r="58" spans="2:17" ht="47.1" customHeight="1" x14ac:dyDescent="0.2">
      <c r="B58" s="120">
        <v>17</v>
      </c>
      <c r="C58" s="121">
        <v>6</v>
      </c>
      <c r="D58" s="122" t="s">
        <v>179</v>
      </c>
      <c r="E58" s="63">
        <v>1.5720000000000001</v>
      </c>
      <c r="F58" s="122" t="s">
        <v>179</v>
      </c>
      <c r="G58" s="63">
        <v>3.06</v>
      </c>
      <c r="H58" s="63">
        <v>1.49</v>
      </c>
      <c r="I58" s="64" t="s">
        <v>194</v>
      </c>
      <c r="J58" s="63">
        <v>50</v>
      </c>
      <c r="K58" s="63">
        <v>50</v>
      </c>
      <c r="L58" s="63" t="s">
        <v>195</v>
      </c>
      <c r="M58" s="63">
        <v>0</v>
      </c>
      <c r="N58" s="124">
        <v>48.68</v>
      </c>
      <c r="O58" s="63" t="s">
        <v>436</v>
      </c>
      <c r="P58" s="63">
        <v>50</v>
      </c>
      <c r="Q58" s="65" t="s">
        <v>200</v>
      </c>
    </row>
    <row r="59" spans="2:17" ht="44.85" hidden="1" customHeight="1" x14ac:dyDescent="0.2">
      <c r="B59" s="63"/>
      <c r="C59" s="63"/>
      <c r="D59" s="63"/>
      <c r="E59" s="63"/>
      <c r="F59" s="63"/>
      <c r="G59" s="63"/>
      <c r="H59" s="63"/>
      <c r="I59" s="64"/>
      <c r="J59" s="63"/>
      <c r="K59" s="63"/>
      <c r="L59" s="63"/>
      <c r="M59" s="63"/>
      <c r="N59" s="63"/>
      <c r="O59" s="63"/>
      <c r="P59" s="63"/>
      <c r="Q59" s="64"/>
    </row>
    <row r="60" spans="2:17" ht="44.85" hidden="1" customHeight="1" x14ac:dyDescent="0.2">
      <c r="B60" s="93"/>
      <c r="C60" s="63"/>
      <c r="D60" s="63"/>
      <c r="E60" s="63"/>
      <c r="F60" s="63"/>
      <c r="G60" s="63"/>
      <c r="H60" s="63"/>
      <c r="I60" s="64"/>
      <c r="J60" s="63"/>
      <c r="K60" s="63"/>
      <c r="L60" s="63"/>
      <c r="M60" s="63"/>
      <c r="N60" s="63"/>
      <c r="O60" s="63"/>
      <c r="P60" s="63"/>
      <c r="Q60" s="65"/>
    </row>
    <row r="61" spans="2:17" ht="44.85" hidden="1" customHeight="1" x14ac:dyDescent="0.2">
      <c r="B61" s="93"/>
      <c r="C61" s="63"/>
      <c r="D61" s="63"/>
      <c r="E61" s="63"/>
      <c r="F61" s="63"/>
      <c r="G61" s="63"/>
      <c r="H61" s="63"/>
      <c r="I61" s="64"/>
      <c r="J61" s="63"/>
      <c r="K61" s="63"/>
      <c r="L61" s="63"/>
      <c r="M61" s="63"/>
      <c r="N61" s="63"/>
      <c r="O61" s="63"/>
      <c r="P61" s="63"/>
      <c r="Q61" s="65"/>
    </row>
    <row r="62" spans="2:17" ht="44.85" hidden="1" customHeight="1" x14ac:dyDescent="0.2">
      <c r="B62" s="93"/>
      <c r="C62" s="63"/>
      <c r="D62" s="63"/>
      <c r="E62" s="63"/>
      <c r="F62" s="63"/>
      <c r="G62" s="63"/>
      <c r="H62" s="63"/>
      <c r="I62" s="64"/>
      <c r="J62" s="63"/>
      <c r="K62" s="63"/>
      <c r="L62" s="63"/>
      <c r="M62" s="63"/>
      <c r="N62" s="63"/>
      <c r="O62" s="63"/>
      <c r="P62" s="63"/>
      <c r="Q62" s="65"/>
    </row>
    <row r="63" spans="2:17" ht="44.85" hidden="1" customHeight="1" x14ac:dyDescent="0.2">
      <c r="B63" s="93"/>
      <c r="C63" s="63"/>
      <c r="D63" s="63"/>
      <c r="E63" s="63"/>
      <c r="F63" s="63"/>
      <c r="G63" s="63"/>
      <c r="H63" s="63"/>
      <c r="I63" s="64"/>
      <c r="J63" s="63"/>
      <c r="K63" s="63"/>
      <c r="L63" s="63"/>
      <c r="M63" s="63"/>
      <c r="N63" s="63"/>
      <c r="O63" s="63"/>
      <c r="P63" s="63"/>
      <c r="Q63" s="65"/>
    </row>
    <row r="64" spans="2:17" ht="44.85" hidden="1" customHeight="1" x14ac:dyDescent="0.2">
      <c r="B64" s="93"/>
      <c r="C64" s="63"/>
      <c r="D64" s="63"/>
      <c r="E64" s="63"/>
      <c r="F64" s="63"/>
      <c r="G64" s="63"/>
      <c r="H64" s="63"/>
      <c r="I64" s="64"/>
      <c r="J64" s="63"/>
      <c r="K64" s="63"/>
      <c r="L64" s="63"/>
      <c r="M64" s="63"/>
      <c r="N64" s="63"/>
      <c r="O64" s="63"/>
      <c r="P64" s="63"/>
      <c r="Q64" s="65"/>
    </row>
    <row r="65" spans="2:18" ht="44.85" hidden="1" customHeight="1" x14ac:dyDescent="0.2">
      <c r="B65" s="93"/>
      <c r="C65" s="63"/>
      <c r="D65" s="63"/>
      <c r="E65" s="63"/>
      <c r="F65" s="63"/>
      <c r="G65" s="63"/>
      <c r="H65" s="63"/>
      <c r="I65" s="64"/>
      <c r="J65" s="63"/>
      <c r="K65" s="63"/>
      <c r="L65" s="63"/>
      <c r="M65" s="63"/>
      <c r="N65" s="63"/>
      <c r="O65" s="63"/>
      <c r="P65" s="63"/>
      <c r="Q65" s="65"/>
    </row>
    <row r="66" spans="2:18" ht="44.85" hidden="1" customHeight="1" x14ac:dyDescent="0.2">
      <c r="B66" s="93"/>
      <c r="C66" s="63"/>
      <c r="D66" s="63"/>
      <c r="E66" s="63"/>
      <c r="F66" s="63"/>
      <c r="G66" s="63"/>
      <c r="H66" s="63"/>
      <c r="I66" s="64"/>
      <c r="J66" s="63"/>
      <c r="K66" s="63"/>
      <c r="L66" s="63"/>
      <c r="M66" s="63"/>
      <c r="N66" s="63"/>
      <c r="O66" s="63"/>
      <c r="P66" s="63"/>
      <c r="Q66" s="65"/>
    </row>
    <row r="67" spans="2:18" ht="44.85" hidden="1" customHeight="1" x14ac:dyDescent="0.2">
      <c r="B67" s="93"/>
      <c r="C67" s="63"/>
      <c r="D67" s="63"/>
      <c r="E67" s="63"/>
      <c r="F67" s="63"/>
      <c r="G67" s="63"/>
      <c r="H67" s="63"/>
      <c r="I67" s="64"/>
      <c r="J67" s="63"/>
      <c r="K67" s="63"/>
      <c r="L67" s="63"/>
      <c r="M67" s="63"/>
      <c r="N67" s="63"/>
      <c r="O67" s="63"/>
      <c r="P67" s="63"/>
      <c r="Q67" s="65"/>
    </row>
    <row r="68" spans="2:18" ht="44.85" hidden="1" customHeight="1" x14ac:dyDescent="0.2">
      <c r="B68" s="62"/>
      <c r="C68" s="63"/>
      <c r="D68" s="38"/>
      <c r="E68" s="38"/>
      <c r="F68" s="38"/>
      <c r="G68" s="38"/>
      <c r="H68" s="66"/>
      <c r="I68" s="97"/>
      <c r="J68" s="63"/>
      <c r="K68" s="67"/>
      <c r="L68" s="63"/>
      <c r="M68" s="63"/>
      <c r="N68" s="63"/>
      <c r="O68" s="63"/>
      <c r="P68" s="63"/>
      <c r="Q68" s="99"/>
    </row>
    <row r="69" spans="2:18" ht="44.85" hidden="1" customHeight="1" x14ac:dyDescent="0.2">
      <c r="B69" s="62"/>
      <c r="C69" s="63"/>
      <c r="D69" s="38"/>
      <c r="E69" s="38"/>
      <c r="F69" s="38"/>
      <c r="G69" s="38"/>
      <c r="H69" s="66"/>
      <c r="I69" s="97"/>
      <c r="J69" s="63"/>
      <c r="K69" s="67"/>
      <c r="L69" s="63"/>
      <c r="M69" s="63"/>
      <c r="N69" s="63"/>
      <c r="O69" s="63"/>
      <c r="P69" s="63"/>
      <c r="Q69" s="99"/>
    </row>
    <row r="70" spans="2:18" ht="44.85" hidden="1" customHeight="1" x14ac:dyDescent="0.2">
      <c r="B70" s="62"/>
      <c r="C70" s="63"/>
      <c r="D70" s="38"/>
      <c r="E70" s="38"/>
      <c r="F70" s="38"/>
      <c r="G70" s="38"/>
      <c r="H70" s="66"/>
      <c r="I70" s="97"/>
      <c r="J70" s="63"/>
      <c r="K70" s="67"/>
      <c r="L70" s="63"/>
      <c r="M70" s="63"/>
      <c r="N70" s="63"/>
      <c r="O70" s="63"/>
      <c r="P70" s="63"/>
      <c r="Q70" s="99"/>
    </row>
    <row r="71" spans="2:18" ht="44.85" hidden="1" customHeight="1" x14ac:dyDescent="0.2">
      <c r="B71" s="62"/>
      <c r="C71" s="63"/>
      <c r="D71" s="38"/>
      <c r="E71" s="38"/>
      <c r="F71" s="38"/>
      <c r="G71" s="38"/>
      <c r="H71" s="66"/>
      <c r="I71" s="97"/>
      <c r="J71" s="63"/>
      <c r="K71" s="67"/>
      <c r="L71" s="63"/>
      <c r="M71" s="63"/>
      <c r="N71" s="63"/>
      <c r="O71" s="63"/>
      <c r="P71" s="63"/>
      <c r="Q71" s="99"/>
    </row>
    <row r="72" spans="2:18" ht="44.85" hidden="1" customHeight="1" x14ac:dyDescent="0.2">
      <c r="B72" s="62"/>
      <c r="C72" s="63"/>
      <c r="D72" s="38"/>
      <c r="E72" s="38"/>
      <c r="F72" s="38"/>
      <c r="G72" s="38"/>
      <c r="H72" s="66"/>
      <c r="I72" s="97"/>
      <c r="J72" s="63"/>
      <c r="K72" s="67"/>
      <c r="L72" s="63"/>
      <c r="M72" s="63"/>
      <c r="N72" s="63"/>
      <c r="O72" s="63"/>
      <c r="P72" s="63"/>
      <c r="Q72" s="99"/>
    </row>
    <row r="73" spans="2:18" ht="44.85" hidden="1" customHeight="1" x14ac:dyDescent="0.2">
      <c r="B73" s="62"/>
      <c r="C73" s="63"/>
      <c r="D73" s="38"/>
      <c r="E73" s="38"/>
      <c r="F73" s="38"/>
      <c r="G73" s="38"/>
      <c r="H73" s="66"/>
      <c r="I73" s="97"/>
      <c r="J73" s="63"/>
      <c r="K73" s="67"/>
      <c r="L73" s="63"/>
      <c r="M73" s="68"/>
      <c r="N73" s="63"/>
      <c r="O73" s="63"/>
      <c r="P73" s="63"/>
      <c r="Q73" s="99"/>
    </row>
    <row r="74" spans="2:18" ht="44.85" hidden="1" customHeight="1" x14ac:dyDescent="0.2">
      <c r="B74" s="62"/>
      <c r="C74" s="63"/>
      <c r="D74" s="38"/>
      <c r="E74" s="38"/>
      <c r="F74" s="38"/>
      <c r="G74" s="38"/>
      <c r="H74" s="66"/>
      <c r="I74" s="97"/>
      <c r="J74" s="63"/>
      <c r="K74" s="67"/>
      <c r="L74" s="63"/>
      <c r="M74" s="63"/>
      <c r="N74" s="63"/>
      <c r="O74" s="63"/>
      <c r="P74" s="63"/>
      <c r="Q74" s="99"/>
    </row>
    <row r="75" spans="2:18" ht="44.85" hidden="1" customHeight="1" x14ac:dyDescent="0.2">
      <c r="B75" s="62"/>
      <c r="C75" s="63"/>
      <c r="D75" s="63"/>
      <c r="E75" s="63"/>
      <c r="F75" s="63"/>
      <c r="G75" s="63"/>
      <c r="H75" s="69"/>
      <c r="I75" s="97"/>
      <c r="J75" s="63"/>
      <c r="K75" s="67"/>
      <c r="L75" s="63"/>
      <c r="M75" s="63"/>
      <c r="N75" s="63"/>
      <c r="O75" s="63"/>
      <c r="P75" s="63"/>
      <c r="Q75" s="99"/>
    </row>
    <row r="76" spans="2:18" ht="44.85" hidden="1" customHeight="1" x14ac:dyDescent="0.2">
      <c r="B76" s="62"/>
      <c r="C76" s="63"/>
      <c r="D76" s="38"/>
      <c r="E76" s="38"/>
      <c r="F76" s="38"/>
      <c r="G76" s="38"/>
      <c r="H76" s="66"/>
      <c r="I76" s="97"/>
      <c r="J76" s="63"/>
      <c r="K76" s="67"/>
      <c r="L76" s="63"/>
      <c r="M76" s="63"/>
      <c r="N76" s="63"/>
      <c r="O76" s="63"/>
      <c r="P76" s="63"/>
      <c r="Q76" s="99"/>
    </row>
    <row r="77" spans="2:18" ht="44.85" hidden="1" customHeight="1" x14ac:dyDescent="0.2">
      <c r="B77" s="62"/>
      <c r="C77" s="63"/>
      <c r="D77" s="38"/>
      <c r="E77" s="38"/>
      <c r="F77" s="38"/>
      <c r="G77" s="66"/>
      <c r="H77" s="66"/>
      <c r="I77" s="97"/>
      <c r="J77" s="63"/>
      <c r="K77" s="67"/>
      <c r="L77" s="63"/>
      <c r="M77" s="63"/>
      <c r="N77" s="63"/>
      <c r="O77" s="63"/>
      <c r="P77" s="63"/>
      <c r="Q77" s="99"/>
    </row>
    <row r="78" spans="2:18" ht="44.85" hidden="1" customHeight="1" x14ac:dyDescent="0.2">
      <c r="B78" s="62"/>
      <c r="C78" s="63"/>
      <c r="D78" s="38"/>
      <c r="E78" s="38"/>
      <c r="F78" s="38"/>
      <c r="G78" s="66"/>
      <c r="H78" s="66"/>
      <c r="I78" s="97"/>
      <c r="J78" s="63"/>
      <c r="K78" s="67"/>
      <c r="L78" s="63"/>
      <c r="M78" s="63"/>
      <c r="N78" s="63"/>
      <c r="O78" s="63"/>
      <c r="P78" s="63"/>
      <c r="Q78" s="99"/>
    </row>
    <row r="79" spans="2:18" ht="44.85" hidden="1" customHeight="1" x14ac:dyDescent="0.2">
      <c r="B79" s="70"/>
      <c r="C79" s="71"/>
      <c r="D79" s="71"/>
      <c r="E79" s="71"/>
      <c r="F79" s="71"/>
      <c r="G79" s="71"/>
      <c r="H79" s="72"/>
      <c r="I79" s="98"/>
      <c r="J79" s="71"/>
      <c r="K79" s="73"/>
      <c r="L79" s="71"/>
      <c r="M79" s="71"/>
      <c r="N79" s="71"/>
      <c r="O79" s="71"/>
      <c r="P79" s="71"/>
      <c r="Q79" s="100"/>
      <c r="R79" s="26" t="s">
        <v>13</v>
      </c>
    </row>
    <row r="80" spans="2:18" ht="22.5" customHeight="1" x14ac:dyDescent="0.2">
      <c r="B80" s="44"/>
      <c r="C80" s="44"/>
      <c r="D80" s="44"/>
      <c r="E80" s="44"/>
      <c r="F80" s="44"/>
      <c r="G80" s="44"/>
      <c r="H80" s="44"/>
      <c r="I80" s="44"/>
      <c r="J80" s="44"/>
      <c r="K80" s="44"/>
      <c r="L80" s="44"/>
      <c r="M80" s="44"/>
      <c r="N80" s="44"/>
      <c r="O80" s="95"/>
      <c r="P80" s="44"/>
      <c r="Q80" s="44"/>
    </row>
    <row r="81" spans="2:18" ht="22.5" customHeight="1" x14ac:dyDescent="0.2">
      <c r="B81" s="266" t="s">
        <v>136</v>
      </c>
      <c r="C81" s="266"/>
      <c r="D81" s="266"/>
      <c r="E81" s="266"/>
      <c r="F81" s="266"/>
      <c r="G81" s="266"/>
      <c r="H81" s="266"/>
      <c r="I81" s="266"/>
      <c r="J81" s="266"/>
      <c r="K81" s="266"/>
      <c r="L81" s="266"/>
      <c r="M81" s="266"/>
      <c r="N81" s="266"/>
      <c r="O81" s="266"/>
      <c r="P81" s="266"/>
      <c r="Q81" s="266"/>
    </row>
    <row r="82" spans="2:18" ht="409.5" customHeight="1" x14ac:dyDescent="0.2">
      <c r="B82" s="259" t="s">
        <v>207</v>
      </c>
      <c r="C82" s="259"/>
      <c r="D82" s="259"/>
      <c r="E82" s="259"/>
      <c r="F82" s="259"/>
      <c r="G82" s="259"/>
      <c r="H82" s="259"/>
      <c r="I82" s="259"/>
      <c r="J82" s="259"/>
      <c r="K82" s="259"/>
      <c r="L82" s="259"/>
      <c r="M82" s="259"/>
      <c r="N82" s="259"/>
      <c r="O82" s="259"/>
      <c r="P82" s="259"/>
      <c r="Q82" s="259"/>
    </row>
    <row r="83" spans="2:18" ht="93" customHeight="1" x14ac:dyDescent="0.2">
      <c r="B83" s="259" t="s">
        <v>208</v>
      </c>
      <c r="C83" s="259"/>
      <c r="D83" s="259"/>
      <c r="E83" s="259"/>
      <c r="F83" s="259"/>
      <c r="G83" s="259"/>
      <c r="H83" s="259"/>
      <c r="I83" s="259"/>
      <c r="J83" s="259"/>
      <c r="K83" s="259"/>
      <c r="L83" s="259"/>
      <c r="M83" s="259"/>
      <c r="N83" s="259"/>
      <c r="O83" s="259"/>
      <c r="P83" s="259"/>
      <c r="Q83" s="259"/>
    </row>
    <row r="84" spans="2:18" ht="22.5" customHeight="1" x14ac:dyDescent="0.2">
      <c r="B84" s="257" t="s">
        <v>137</v>
      </c>
      <c r="C84" s="257"/>
      <c r="D84" s="257"/>
      <c r="E84" s="257"/>
      <c r="F84" s="257"/>
      <c r="G84" s="257"/>
      <c r="H84" s="257"/>
      <c r="I84" s="257"/>
      <c r="J84" s="257"/>
      <c r="K84" s="257"/>
      <c r="L84" s="257"/>
      <c r="M84" s="257"/>
      <c r="N84" s="257"/>
      <c r="O84" s="257"/>
      <c r="P84" s="257"/>
      <c r="Q84" s="257"/>
    </row>
    <row r="85" spans="2:18" ht="14.25" customHeight="1" x14ac:dyDescent="0.2">
      <c r="B85" s="307" t="s">
        <v>28</v>
      </c>
      <c r="C85" s="307"/>
      <c r="D85" s="307"/>
      <c r="E85" s="307"/>
      <c r="F85" s="307"/>
      <c r="G85" s="307"/>
      <c r="H85" s="307"/>
      <c r="I85" s="307"/>
      <c r="J85" s="307"/>
      <c r="K85" s="307"/>
      <c r="L85" s="307"/>
      <c r="M85" s="307"/>
      <c r="N85" s="307"/>
      <c r="O85" s="307"/>
      <c r="P85" s="307"/>
      <c r="Q85" s="307"/>
    </row>
    <row r="86" spans="2:18" ht="25.5" customHeight="1" x14ac:dyDescent="0.2">
      <c r="B86" s="296"/>
      <c r="C86" s="296"/>
      <c r="D86" s="296"/>
      <c r="E86" s="296"/>
      <c r="F86" s="296"/>
      <c r="G86" s="297"/>
      <c r="H86" s="289"/>
      <c r="I86" s="289"/>
      <c r="J86" s="289"/>
      <c r="K86" s="20"/>
      <c r="L86" s="20"/>
      <c r="M86" s="20"/>
      <c r="N86" s="20"/>
      <c r="O86" s="20"/>
      <c r="P86" s="20"/>
      <c r="R86" s="26" t="s">
        <v>29</v>
      </c>
    </row>
    <row r="87" spans="2:18" ht="25.5" customHeight="1" x14ac:dyDescent="0.2">
      <c r="B87" s="296"/>
      <c r="C87" s="296"/>
      <c r="D87" s="296"/>
      <c r="E87" s="296"/>
      <c r="F87" s="296"/>
      <c r="G87" s="297"/>
      <c r="H87" s="289"/>
      <c r="I87" s="289"/>
      <c r="J87" s="289"/>
      <c r="K87" s="20"/>
      <c r="L87" s="20"/>
      <c r="M87" s="20"/>
      <c r="N87" s="20"/>
      <c r="O87" s="20"/>
      <c r="P87" s="20"/>
      <c r="Q87" s="74"/>
      <c r="R87" s="26" t="s">
        <v>93</v>
      </c>
    </row>
    <row r="88" spans="2:18" ht="26.25" customHeight="1" x14ac:dyDescent="0.2">
      <c r="B88" s="296"/>
      <c r="C88" s="296"/>
      <c r="D88" s="296"/>
      <c r="E88" s="296"/>
      <c r="F88" s="296"/>
      <c r="G88" s="297"/>
      <c r="H88" s="289"/>
      <c r="I88" s="289"/>
      <c r="J88" s="289"/>
      <c r="K88" s="20"/>
      <c r="L88" s="20"/>
      <c r="M88" s="20"/>
      <c r="N88" s="20"/>
      <c r="O88" s="20"/>
      <c r="P88" s="20"/>
      <c r="Q88" s="74"/>
    </row>
    <row r="89" spans="2:18" ht="24.75" customHeight="1" x14ac:dyDescent="0.2">
      <c r="B89" s="296"/>
      <c r="C89" s="296"/>
      <c r="D89" s="296"/>
      <c r="E89" s="296"/>
      <c r="F89" s="296"/>
      <c r="G89" s="289"/>
      <c r="H89" s="289"/>
      <c r="I89" s="289"/>
      <c r="J89" s="289"/>
      <c r="K89" s="20"/>
      <c r="L89" s="20"/>
      <c r="M89" s="20"/>
      <c r="N89" s="20"/>
      <c r="O89" s="20"/>
      <c r="P89" s="20"/>
      <c r="Q89" s="74"/>
    </row>
    <row r="90" spans="2:18" ht="14.25" customHeight="1" x14ac:dyDescent="0.2">
      <c r="B90" s="42"/>
      <c r="C90" s="42"/>
      <c r="D90" s="42"/>
      <c r="E90" s="42"/>
      <c r="F90" s="42"/>
      <c r="G90" s="42"/>
      <c r="H90" s="42"/>
      <c r="I90" s="42"/>
      <c r="J90" s="42"/>
      <c r="K90" s="42"/>
      <c r="L90" s="42"/>
      <c r="M90" s="42"/>
      <c r="N90" s="42"/>
      <c r="O90" s="91"/>
      <c r="P90" s="42"/>
      <c r="Q90" s="42"/>
    </row>
    <row r="91" spans="2:18" ht="14.25" customHeight="1" x14ac:dyDescent="0.2">
      <c r="B91" s="262" t="s">
        <v>32</v>
      </c>
      <c r="C91" s="262"/>
      <c r="D91" s="262"/>
      <c r="E91" s="262"/>
      <c r="F91" s="262"/>
      <c r="G91" s="262"/>
      <c r="H91" s="262"/>
      <c r="I91" s="262"/>
      <c r="J91" s="262"/>
      <c r="K91" s="262"/>
      <c r="L91" s="262"/>
      <c r="M91" s="262"/>
      <c r="N91" s="262"/>
      <c r="O91" s="262"/>
      <c r="P91" s="262"/>
      <c r="Q91" s="262"/>
    </row>
    <row r="92" spans="2:18" ht="14.25" customHeight="1" x14ac:dyDescent="0.2">
      <c r="B92" s="294" t="s">
        <v>33</v>
      </c>
      <c r="C92" s="294"/>
      <c r="D92" s="294"/>
      <c r="E92" s="294"/>
      <c r="F92" s="294"/>
      <c r="G92" s="294"/>
      <c r="H92" s="294"/>
      <c r="I92" s="294"/>
      <c r="J92" s="294"/>
      <c r="K92" s="294"/>
      <c r="L92" s="294"/>
      <c r="M92" s="294"/>
      <c r="N92" s="294"/>
      <c r="O92" s="294"/>
      <c r="P92" s="294"/>
      <c r="Q92" s="294"/>
    </row>
    <row r="93" spans="2:18" ht="30" customHeight="1" x14ac:dyDescent="0.2">
      <c r="B93" s="304" t="s">
        <v>30</v>
      </c>
      <c r="C93" s="305"/>
      <c r="D93" s="305"/>
      <c r="E93" s="305"/>
      <c r="F93" s="306"/>
      <c r="G93" s="246" t="s">
        <v>420</v>
      </c>
      <c r="H93" s="247"/>
      <c r="I93" s="247"/>
      <c r="J93" s="248"/>
      <c r="K93" s="75"/>
      <c r="L93" s="75"/>
      <c r="M93" s="75"/>
      <c r="N93" s="75"/>
      <c r="O93" s="75"/>
      <c r="P93" s="75"/>
      <c r="Q93" s="31"/>
      <c r="R93" s="54"/>
    </row>
    <row r="94" spans="2:18" ht="96.75" customHeight="1" x14ac:dyDescent="0.2">
      <c r="B94" s="304" t="s">
        <v>31</v>
      </c>
      <c r="C94" s="305"/>
      <c r="D94" s="305"/>
      <c r="E94" s="305"/>
      <c r="F94" s="306"/>
      <c r="G94" s="308" t="s">
        <v>421</v>
      </c>
      <c r="H94" s="309"/>
      <c r="I94" s="309"/>
      <c r="J94" s="310"/>
      <c r="K94" s="75"/>
      <c r="L94" s="75"/>
      <c r="M94" s="75"/>
      <c r="N94" s="75"/>
      <c r="O94" s="75"/>
      <c r="P94" s="75"/>
      <c r="Q94" s="74"/>
      <c r="R94" s="26" t="s">
        <v>34</v>
      </c>
    </row>
    <row r="95" spans="2:18" ht="15.75" customHeight="1" x14ac:dyDescent="0.2">
      <c r="B95" s="75"/>
      <c r="C95" s="75"/>
      <c r="D95" s="75"/>
      <c r="E95" s="75"/>
      <c r="F95" s="75"/>
      <c r="G95" s="75"/>
      <c r="H95" s="75"/>
      <c r="I95" s="75"/>
      <c r="J95" s="75"/>
      <c r="K95" s="75"/>
      <c r="L95" s="75"/>
      <c r="M95" s="75"/>
      <c r="N95" s="75"/>
      <c r="O95" s="75"/>
      <c r="P95" s="75"/>
      <c r="Q95" s="75"/>
    </row>
    <row r="96" spans="2:18" ht="14.25" customHeight="1" x14ac:dyDescent="0.2">
      <c r="B96" s="294" t="s">
        <v>35</v>
      </c>
      <c r="C96" s="294"/>
      <c r="D96" s="294"/>
      <c r="E96" s="294"/>
      <c r="F96" s="294"/>
      <c r="G96" s="294"/>
      <c r="H96" s="294"/>
      <c r="I96" s="294"/>
      <c r="J96" s="294"/>
      <c r="K96" s="294"/>
      <c r="L96" s="294"/>
      <c r="M96" s="294"/>
      <c r="N96" s="294"/>
      <c r="O96" s="294"/>
      <c r="P96" s="294"/>
      <c r="Q96" s="294"/>
    </row>
    <row r="97" spans="2:18" ht="22.5" customHeight="1" x14ac:dyDescent="0.2">
      <c r="B97" s="304" t="s">
        <v>36</v>
      </c>
      <c r="C97" s="305"/>
      <c r="D97" s="305"/>
      <c r="E97" s="305"/>
      <c r="F97" s="306"/>
      <c r="G97" s="76" t="s">
        <v>37</v>
      </c>
      <c r="H97" s="76" t="s">
        <v>14</v>
      </c>
      <c r="I97" s="304" t="s">
        <v>38</v>
      </c>
      <c r="J97" s="306"/>
      <c r="K97" s="75"/>
      <c r="L97" s="75"/>
      <c r="M97" s="75"/>
      <c r="N97" s="75"/>
      <c r="O97" s="75"/>
      <c r="P97" s="75"/>
      <c r="Q97" s="74"/>
      <c r="R97" s="26" t="s">
        <v>39</v>
      </c>
    </row>
    <row r="98" spans="2:18" ht="22.5" customHeight="1" x14ac:dyDescent="0.2">
      <c r="B98" s="246" t="s">
        <v>417</v>
      </c>
      <c r="C98" s="247"/>
      <c r="D98" s="247"/>
      <c r="E98" s="247"/>
      <c r="F98" s="248"/>
      <c r="G98" s="204">
        <v>2020</v>
      </c>
      <c r="H98" s="204">
        <v>5660</v>
      </c>
      <c r="I98" s="205">
        <v>6.8000000000000005E-2</v>
      </c>
      <c r="J98" s="206"/>
      <c r="K98" s="75"/>
      <c r="L98" s="75"/>
      <c r="M98" s="75"/>
      <c r="N98" s="75"/>
      <c r="O98" s="75"/>
      <c r="P98" s="75"/>
      <c r="Q98" s="74"/>
      <c r="R98" s="31"/>
    </row>
    <row r="99" spans="2:18" ht="22.5" customHeight="1" x14ac:dyDescent="0.2">
      <c r="B99" s="246" t="s">
        <v>418</v>
      </c>
      <c r="C99" s="247"/>
      <c r="D99" s="247"/>
      <c r="E99" s="247"/>
      <c r="F99" s="248"/>
      <c r="G99" s="204">
        <v>2020</v>
      </c>
      <c r="H99" s="204">
        <v>6150</v>
      </c>
      <c r="I99" s="205">
        <v>0.123</v>
      </c>
      <c r="J99" s="206"/>
      <c r="K99" s="75"/>
      <c r="L99" s="75"/>
      <c r="M99" s="75"/>
      <c r="N99" s="75"/>
      <c r="O99" s="75"/>
      <c r="P99" s="75"/>
      <c r="Q99" s="74"/>
      <c r="R99" s="31"/>
    </row>
    <row r="100" spans="2:18" ht="26.25" customHeight="1" x14ac:dyDescent="0.2">
      <c r="B100" s="246" t="s">
        <v>419</v>
      </c>
      <c r="C100" s="247"/>
      <c r="D100" s="247"/>
      <c r="E100" s="247"/>
      <c r="F100" s="248"/>
      <c r="G100" s="111">
        <v>2019</v>
      </c>
      <c r="H100" s="128">
        <v>8021</v>
      </c>
      <c r="I100" s="292">
        <v>0.115</v>
      </c>
      <c r="J100" s="293"/>
      <c r="K100" s="75"/>
      <c r="L100" s="75"/>
      <c r="M100" s="75"/>
      <c r="N100" s="75"/>
      <c r="O100" s="75"/>
      <c r="P100" s="75"/>
      <c r="Q100" s="31"/>
      <c r="R100" s="54"/>
    </row>
    <row r="101" spans="2:18" ht="26.25" customHeight="1" x14ac:dyDescent="0.2">
      <c r="B101" s="127" t="s">
        <v>209</v>
      </c>
      <c r="C101" s="125"/>
      <c r="D101" s="125"/>
      <c r="E101" s="125"/>
      <c r="F101" s="126"/>
      <c r="G101" s="111">
        <v>2019</v>
      </c>
      <c r="H101" s="128">
        <v>9625</v>
      </c>
      <c r="I101" s="292">
        <v>0.124</v>
      </c>
      <c r="J101" s="293"/>
      <c r="K101" s="75"/>
      <c r="L101" s="75"/>
      <c r="M101" s="75"/>
      <c r="N101" s="75"/>
      <c r="O101" s="75"/>
      <c r="P101" s="75"/>
      <c r="Q101" s="31"/>
      <c r="R101" s="54"/>
    </row>
    <row r="102" spans="2:18" ht="26.25" customHeight="1" x14ac:dyDescent="0.2">
      <c r="B102" s="127" t="s">
        <v>210</v>
      </c>
      <c r="C102" s="125"/>
      <c r="D102" s="125"/>
      <c r="E102" s="125"/>
      <c r="F102" s="126"/>
      <c r="G102" s="111">
        <v>2019</v>
      </c>
      <c r="H102" s="128">
        <v>10159</v>
      </c>
      <c r="I102" s="292">
        <v>0.124</v>
      </c>
      <c r="J102" s="293"/>
      <c r="K102" s="75"/>
      <c r="L102" s="75"/>
      <c r="M102" s="75"/>
      <c r="N102" s="75"/>
      <c r="O102" s="75"/>
      <c r="P102" s="75"/>
      <c r="Q102" s="31"/>
      <c r="R102" s="54"/>
    </row>
    <row r="103" spans="2:18" ht="26.25" customHeight="1" x14ac:dyDescent="0.2">
      <c r="B103" s="127" t="s">
        <v>211</v>
      </c>
      <c r="C103" s="125"/>
      <c r="D103" s="125"/>
      <c r="E103" s="125"/>
      <c r="F103" s="126"/>
      <c r="G103" s="111">
        <v>2019</v>
      </c>
      <c r="H103" s="128">
        <v>10694</v>
      </c>
      <c r="I103" s="292">
        <v>0.124</v>
      </c>
      <c r="J103" s="293"/>
      <c r="K103" s="75"/>
      <c r="L103" s="75"/>
      <c r="M103" s="75"/>
      <c r="N103" s="75"/>
      <c r="O103" s="75"/>
      <c r="P103" s="75"/>
      <c r="Q103" s="31"/>
      <c r="R103" s="54"/>
    </row>
    <row r="104" spans="2:18" ht="26.25" customHeight="1" x14ac:dyDescent="0.2">
      <c r="B104" s="127" t="s">
        <v>212</v>
      </c>
      <c r="C104" s="125"/>
      <c r="D104" s="125"/>
      <c r="E104" s="125"/>
      <c r="F104" s="126"/>
      <c r="G104" s="111">
        <v>2019</v>
      </c>
      <c r="H104" s="111">
        <v>12833</v>
      </c>
      <c r="I104" s="292">
        <v>0.124</v>
      </c>
      <c r="J104" s="293"/>
      <c r="K104" s="75"/>
      <c r="L104" s="75"/>
      <c r="M104" s="75"/>
      <c r="N104" s="75"/>
      <c r="O104" s="75"/>
      <c r="P104" s="75"/>
      <c r="Q104" s="31"/>
      <c r="R104" s="54"/>
    </row>
    <row r="105" spans="2:18" ht="26.25" customHeight="1" x14ac:dyDescent="0.2">
      <c r="B105" s="127" t="s">
        <v>213</v>
      </c>
      <c r="C105" s="125"/>
      <c r="D105" s="125"/>
      <c r="E105" s="125"/>
      <c r="F105" s="126"/>
      <c r="G105" s="111">
        <v>2019</v>
      </c>
      <c r="H105" s="111">
        <v>13949</v>
      </c>
      <c r="I105" s="292">
        <v>0.20699999999999999</v>
      </c>
      <c r="J105" s="293"/>
      <c r="K105" s="75"/>
      <c r="L105" s="75"/>
      <c r="M105" s="75"/>
      <c r="N105" s="75"/>
      <c r="O105" s="75"/>
      <c r="P105" s="75"/>
      <c r="Q105" s="74"/>
      <c r="R105" s="26" t="s">
        <v>92</v>
      </c>
    </row>
    <row r="106" spans="2:18" ht="26.25" customHeight="1" x14ac:dyDescent="0.2">
      <c r="B106" s="127" t="s">
        <v>214</v>
      </c>
      <c r="C106" s="125"/>
      <c r="D106" s="125"/>
      <c r="E106" s="125"/>
      <c r="F106" s="126"/>
      <c r="G106" s="111">
        <v>2019</v>
      </c>
      <c r="H106" s="111">
        <v>11624</v>
      </c>
      <c r="I106" s="292">
        <v>0.20699999999999999</v>
      </c>
      <c r="J106" s="293"/>
      <c r="K106" s="75"/>
      <c r="L106" s="75"/>
      <c r="M106" s="75"/>
      <c r="N106" s="75"/>
      <c r="O106" s="75"/>
      <c r="P106" s="75"/>
      <c r="Q106" s="31"/>
      <c r="R106" s="54"/>
    </row>
    <row r="107" spans="2:18" ht="26.25" customHeight="1" x14ac:dyDescent="0.2">
      <c r="B107" s="127" t="s">
        <v>215</v>
      </c>
      <c r="C107" s="125"/>
      <c r="D107" s="125"/>
      <c r="E107" s="125"/>
      <c r="F107" s="126"/>
      <c r="G107" s="111">
        <v>2019</v>
      </c>
      <c r="H107" s="111">
        <v>12786</v>
      </c>
      <c r="I107" s="292">
        <v>0.20699999999999999</v>
      </c>
      <c r="J107" s="293"/>
      <c r="K107" s="75"/>
      <c r="L107" s="75"/>
      <c r="M107" s="75"/>
      <c r="N107" s="75"/>
      <c r="O107" s="75"/>
      <c r="P107" s="75"/>
      <c r="Q107" s="31"/>
      <c r="R107" s="54"/>
    </row>
    <row r="108" spans="2:18" ht="26.25" customHeight="1" x14ac:dyDescent="0.2">
      <c r="B108" s="127" t="s">
        <v>216</v>
      </c>
      <c r="C108" s="125"/>
      <c r="D108" s="125"/>
      <c r="E108" s="125"/>
      <c r="F108" s="126"/>
      <c r="G108" s="111">
        <v>2019</v>
      </c>
      <c r="H108" s="111">
        <v>11624</v>
      </c>
      <c r="I108" s="292">
        <v>0.20699999999999999</v>
      </c>
      <c r="J108" s="293"/>
      <c r="K108" s="75"/>
      <c r="L108" s="75"/>
      <c r="M108" s="75"/>
      <c r="N108" s="75"/>
      <c r="O108" s="75"/>
      <c r="P108" s="75"/>
      <c r="Q108" s="31"/>
      <c r="R108" s="54"/>
    </row>
    <row r="109" spans="2:18" ht="26.25" customHeight="1" x14ac:dyDescent="0.2">
      <c r="B109" s="127" t="s">
        <v>217</v>
      </c>
      <c r="C109" s="125"/>
      <c r="D109" s="125"/>
      <c r="E109" s="125"/>
      <c r="F109" s="126"/>
      <c r="G109" s="111">
        <v>2019</v>
      </c>
      <c r="H109" s="111">
        <v>8903</v>
      </c>
      <c r="I109" s="292">
        <v>0.19900000000000001</v>
      </c>
      <c r="J109" s="293"/>
      <c r="K109" s="75"/>
      <c r="L109" s="75"/>
      <c r="M109" s="75"/>
      <c r="N109" s="75"/>
      <c r="O109" s="75"/>
      <c r="P109" s="75"/>
      <c r="Q109" s="31"/>
      <c r="R109" s="54"/>
    </row>
    <row r="110" spans="2:18" ht="26.25" customHeight="1" x14ac:dyDescent="0.2">
      <c r="B110" s="127" t="s">
        <v>218</v>
      </c>
      <c r="C110" s="125"/>
      <c r="D110" s="125"/>
      <c r="E110" s="125"/>
      <c r="F110" s="126"/>
      <c r="G110" s="111">
        <v>2019</v>
      </c>
      <c r="H110" s="111">
        <v>4521</v>
      </c>
      <c r="I110" s="292">
        <v>0.16500000000000001</v>
      </c>
      <c r="J110" s="293"/>
      <c r="K110" s="75"/>
      <c r="L110" s="75"/>
      <c r="M110" s="75"/>
      <c r="N110" s="75"/>
      <c r="O110" s="75"/>
      <c r="P110" s="75"/>
      <c r="Q110" s="31"/>
      <c r="R110" s="54"/>
    </row>
    <row r="111" spans="2:18" ht="26.25" customHeight="1" x14ac:dyDescent="0.2">
      <c r="B111" s="127" t="s">
        <v>219</v>
      </c>
      <c r="C111" s="125"/>
      <c r="D111" s="125"/>
      <c r="E111" s="125"/>
      <c r="F111" s="126"/>
      <c r="G111" s="111">
        <v>2019</v>
      </c>
      <c r="H111" s="111">
        <v>4657</v>
      </c>
      <c r="I111" s="292">
        <v>0.16500000000000001</v>
      </c>
      <c r="J111" s="293"/>
      <c r="K111" s="75"/>
      <c r="L111" s="75"/>
      <c r="M111" s="75"/>
      <c r="N111" s="75"/>
      <c r="O111" s="75"/>
      <c r="P111" s="75"/>
      <c r="Q111" s="31"/>
      <c r="R111" s="54"/>
    </row>
    <row r="112" spans="2:18" ht="26.25" customHeight="1" x14ac:dyDescent="0.2">
      <c r="B112" s="127" t="s">
        <v>220</v>
      </c>
      <c r="C112" s="125"/>
      <c r="D112" s="125"/>
      <c r="E112" s="125"/>
      <c r="F112" s="126"/>
      <c r="G112" s="111">
        <v>2019</v>
      </c>
      <c r="H112" s="111">
        <v>4467</v>
      </c>
      <c r="I112" s="292">
        <v>0.20699999999999999</v>
      </c>
      <c r="J112" s="293"/>
      <c r="K112" s="75"/>
      <c r="L112" s="75"/>
      <c r="M112" s="75"/>
      <c r="N112" s="75"/>
      <c r="O112" s="75"/>
      <c r="P112" s="75"/>
      <c r="Q112" s="31"/>
      <c r="R112" s="54"/>
    </row>
    <row r="113" spans="2:18" ht="26.25" customHeight="1" x14ac:dyDescent="0.2">
      <c r="B113" s="127" t="s">
        <v>221</v>
      </c>
      <c r="C113" s="125"/>
      <c r="D113" s="125"/>
      <c r="E113" s="125"/>
      <c r="F113" s="126"/>
      <c r="G113" s="111">
        <v>2019</v>
      </c>
      <c r="H113" s="111">
        <v>15028</v>
      </c>
      <c r="I113" s="292">
        <v>0.08</v>
      </c>
      <c r="J113" s="293"/>
      <c r="K113" s="75"/>
      <c r="L113" s="75"/>
      <c r="M113" s="75"/>
      <c r="N113" s="75"/>
      <c r="O113" s="75"/>
      <c r="P113" s="75"/>
      <c r="Q113" s="31"/>
      <c r="R113" s="54"/>
    </row>
    <row r="114" spans="2:18" ht="26.25" customHeight="1" x14ac:dyDescent="0.2">
      <c r="B114" s="127" t="s">
        <v>222</v>
      </c>
      <c r="C114" s="125"/>
      <c r="D114" s="125"/>
      <c r="E114" s="125"/>
      <c r="F114" s="126"/>
      <c r="G114" s="111">
        <v>2019</v>
      </c>
      <c r="H114" s="111">
        <v>13074</v>
      </c>
      <c r="I114" s="292">
        <v>0.08</v>
      </c>
      <c r="J114" s="293"/>
      <c r="K114" s="75"/>
      <c r="L114" s="75"/>
      <c r="M114" s="75"/>
      <c r="N114" s="75"/>
      <c r="O114" s="75"/>
      <c r="P114" s="75"/>
      <c r="Q114" s="31"/>
      <c r="R114" s="54"/>
    </row>
    <row r="115" spans="2:18" ht="26.25" customHeight="1" x14ac:dyDescent="0.2">
      <c r="B115" s="127" t="s">
        <v>223</v>
      </c>
      <c r="C115" s="125"/>
      <c r="D115" s="125"/>
      <c r="E115" s="125"/>
      <c r="F115" s="126"/>
      <c r="G115" s="111">
        <v>2019</v>
      </c>
      <c r="H115" s="111">
        <v>9886</v>
      </c>
      <c r="I115" s="292">
        <v>5.0999999999999997E-2</v>
      </c>
      <c r="J115" s="293"/>
      <c r="K115" s="75"/>
      <c r="L115" s="75"/>
      <c r="M115" s="75"/>
      <c r="N115" s="75"/>
      <c r="O115" s="75"/>
      <c r="P115" s="75"/>
      <c r="Q115" s="31"/>
      <c r="R115" s="54"/>
    </row>
    <row r="116" spans="2:18" ht="24" customHeight="1" x14ac:dyDescent="0.2">
      <c r="B116" s="314" t="s">
        <v>72</v>
      </c>
      <c r="C116" s="315"/>
      <c r="D116" s="315"/>
      <c r="E116" s="315"/>
      <c r="F116" s="316"/>
      <c r="G116" s="251" t="s">
        <v>224</v>
      </c>
      <c r="H116" s="252"/>
      <c r="I116" s="252"/>
      <c r="J116" s="253"/>
      <c r="K116" s="75"/>
      <c r="L116" s="75"/>
      <c r="M116" s="75"/>
      <c r="N116" s="75"/>
      <c r="O116" s="75"/>
      <c r="P116" s="75"/>
      <c r="Q116" s="31"/>
      <c r="R116" s="54"/>
    </row>
    <row r="117" spans="2:18" x14ac:dyDescent="0.2">
      <c r="B117" s="75"/>
      <c r="C117" s="75"/>
      <c r="D117" s="75"/>
      <c r="E117" s="75"/>
      <c r="F117" s="75"/>
      <c r="G117" s="75"/>
      <c r="H117" s="75"/>
      <c r="I117" s="75"/>
      <c r="J117" s="75"/>
      <c r="K117" s="75"/>
      <c r="L117" s="75"/>
      <c r="M117" s="75"/>
      <c r="N117" s="75"/>
      <c r="O117" s="75"/>
      <c r="P117" s="75"/>
      <c r="Q117" s="75"/>
    </row>
    <row r="118" spans="2:18" x14ac:dyDescent="0.2">
      <c r="B118" s="294" t="s">
        <v>40</v>
      </c>
      <c r="C118" s="294"/>
      <c r="D118" s="294"/>
      <c r="E118" s="294"/>
      <c r="F118" s="294"/>
      <c r="G118" s="294"/>
      <c r="H118" s="294"/>
      <c r="I118" s="294"/>
      <c r="J118" s="294"/>
      <c r="K118" s="294"/>
      <c r="L118" s="294"/>
      <c r="M118" s="294"/>
      <c r="N118" s="294"/>
      <c r="O118" s="294"/>
      <c r="P118" s="294"/>
      <c r="Q118" s="294"/>
    </row>
    <row r="119" spans="2:18" ht="24" customHeight="1" x14ac:dyDescent="0.2">
      <c r="B119" s="304" t="s">
        <v>90</v>
      </c>
      <c r="C119" s="305"/>
      <c r="D119" s="305"/>
      <c r="E119" s="305"/>
      <c r="F119" s="305"/>
      <c r="G119" s="311" t="s">
        <v>412</v>
      </c>
      <c r="H119" s="312"/>
      <c r="I119" s="313"/>
      <c r="J119" s="77" t="s">
        <v>225</v>
      </c>
      <c r="K119" s="78"/>
      <c r="L119" s="75"/>
      <c r="M119" s="75"/>
      <c r="N119" s="79"/>
      <c r="O119" s="79"/>
      <c r="P119" s="75"/>
      <c r="Q119" s="74"/>
      <c r="R119" s="26" t="s">
        <v>164</v>
      </c>
    </row>
    <row r="120" spans="2:18" ht="24" customHeight="1" x14ac:dyDescent="0.2">
      <c r="B120" s="304" t="s">
        <v>91</v>
      </c>
      <c r="C120" s="305"/>
      <c r="D120" s="305"/>
      <c r="E120" s="305"/>
      <c r="F120" s="305"/>
      <c r="G120" s="311" t="s">
        <v>413</v>
      </c>
      <c r="H120" s="312"/>
      <c r="I120" s="313"/>
      <c r="J120" s="77" t="s">
        <v>225</v>
      </c>
      <c r="K120" s="75"/>
      <c r="L120" s="75"/>
      <c r="M120" s="75"/>
      <c r="N120" s="75"/>
      <c r="O120" s="75"/>
      <c r="P120" s="75"/>
      <c r="Q120" s="31"/>
      <c r="R120" s="26" t="s">
        <v>164</v>
      </c>
    </row>
    <row r="121" spans="2:18" ht="123.75" customHeight="1" x14ac:dyDescent="0.2">
      <c r="B121" s="314" t="s">
        <v>73</v>
      </c>
      <c r="C121" s="315"/>
      <c r="D121" s="315"/>
      <c r="E121" s="315"/>
      <c r="F121" s="315"/>
      <c r="G121" s="246" t="s">
        <v>226</v>
      </c>
      <c r="H121" s="247"/>
      <c r="I121" s="247"/>
      <c r="J121" s="248"/>
      <c r="K121" s="75"/>
      <c r="L121" s="75"/>
      <c r="M121" s="75"/>
      <c r="N121" s="75"/>
      <c r="O121" s="75"/>
      <c r="P121" s="75"/>
      <c r="Q121" s="31"/>
      <c r="R121" s="26" t="s">
        <v>41</v>
      </c>
    </row>
    <row r="122" spans="2:18" ht="14.85" customHeight="1" x14ac:dyDescent="0.2">
      <c r="B122" s="75"/>
      <c r="C122" s="75"/>
      <c r="D122" s="75"/>
      <c r="E122" s="75"/>
      <c r="F122" s="75"/>
      <c r="G122" s="75"/>
      <c r="H122" s="75"/>
      <c r="I122" s="75"/>
      <c r="J122" s="75"/>
      <c r="K122" s="75"/>
      <c r="L122" s="75"/>
      <c r="M122" s="75"/>
      <c r="N122" s="75"/>
      <c r="O122" s="75"/>
      <c r="P122" s="79"/>
      <c r="Q122" s="75"/>
    </row>
    <row r="123" spans="2:18" ht="18" customHeight="1" x14ac:dyDescent="0.2">
      <c r="B123" s="294" t="s">
        <v>42</v>
      </c>
      <c r="C123" s="294"/>
      <c r="D123" s="294"/>
      <c r="E123" s="294"/>
      <c r="F123" s="294"/>
      <c r="G123" s="294"/>
      <c r="H123" s="294"/>
      <c r="I123" s="294"/>
      <c r="J123" s="294"/>
      <c r="K123" s="294"/>
      <c r="L123" s="294"/>
      <c r="M123" s="294"/>
      <c r="N123" s="294"/>
      <c r="O123" s="294"/>
      <c r="P123" s="294"/>
      <c r="Q123" s="294"/>
      <c r="R123" s="30"/>
    </row>
    <row r="124" spans="2:18" ht="24" customHeight="1" x14ac:dyDescent="0.2">
      <c r="B124" s="317" t="s">
        <v>43</v>
      </c>
      <c r="C124" s="318"/>
      <c r="D124" s="318"/>
      <c r="E124" s="318"/>
      <c r="F124" s="319"/>
      <c r="G124" s="251">
        <v>2010</v>
      </c>
      <c r="H124" s="252"/>
      <c r="I124" s="252"/>
      <c r="J124" s="253"/>
      <c r="K124" s="75"/>
      <c r="L124" s="75"/>
      <c r="M124" s="75"/>
      <c r="N124" s="75"/>
      <c r="O124" s="75"/>
      <c r="P124" s="75"/>
      <c r="Q124" s="75"/>
      <c r="R124" s="54"/>
    </row>
    <row r="125" spans="2:18" ht="24" customHeight="1" x14ac:dyDescent="0.2">
      <c r="B125" s="317" t="s">
        <v>44</v>
      </c>
      <c r="C125" s="318"/>
      <c r="D125" s="318"/>
      <c r="E125" s="318"/>
      <c r="F125" s="319"/>
      <c r="G125" s="251">
        <v>2019</v>
      </c>
      <c r="H125" s="252"/>
      <c r="I125" s="252"/>
      <c r="J125" s="253"/>
      <c r="K125" s="75"/>
      <c r="L125" s="75"/>
      <c r="M125" s="75"/>
      <c r="N125" s="75"/>
      <c r="O125" s="75"/>
      <c r="P125" s="75"/>
      <c r="Q125" s="75"/>
    </row>
    <row r="126" spans="2:18" ht="24" customHeight="1" x14ac:dyDescent="0.2">
      <c r="B126" s="317" t="s">
        <v>142</v>
      </c>
      <c r="C126" s="318"/>
      <c r="D126" s="318"/>
      <c r="E126" s="318"/>
      <c r="F126" s="319"/>
      <c r="G126" s="251">
        <v>243</v>
      </c>
      <c r="H126" s="252"/>
      <c r="I126" s="252"/>
      <c r="J126" s="253"/>
      <c r="K126" s="75"/>
      <c r="L126" s="75"/>
      <c r="M126" s="75"/>
      <c r="N126" s="75"/>
      <c r="O126" s="75"/>
      <c r="P126" s="75"/>
      <c r="Q126" s="75"/>
      <c r="R126" s="26" t="s">
        <v>141</v>
      </c>
    </row>
    <row r="127" spans="2:18" ht="24" customHeight="1" x14ac:dyDescent="0.2">
      <c r="B127" s="317" t="s">
        <v>45</v>
      </c>
      <c r="C127" s="318"/>
      <c r="D127" s="318"/>
      <c r="E127" s="318"/>
      <c r="F127" s="319"/>
      <c r="G127" s="251">
        <v>333</v>
      </c>
      <c r="H127" s="252"/>
      <c r="I127" s="252"/>
      <c r="J127" s="253"/>
      <c r="K127" s="75"/>
      <c r="L127" s="75"/>
      <c r="M127" s="75"/>
      <c r="N127" s="75"/>
      <c r="O127" s="75"/>
      <c r="P127" s="75"/>
      <c r="Q127" s="75"/>
    </row>
    <row r="128" spans="2:18" ht="24" customHeight="1" x14ac:dyDescent="0.2">
      <c r="B128" s="317" t="s">
        <v>46</v>
      </c>
      <c r="C128" s="318"/>
      <c r="D128" s="318"/>
      <c r="E128" s="318"/>
      <c r="F128" s="319"/>
      <c r="G128" s="251">
        <v>9</v>
      </c>
      <c r="H128" s="252"/>
      <c r="I128" s="252"/>
      <c r="J128" s="253"/>
      <c r="K128" s="75"/>
      <c r="L128" s="75"/>
      <c r="M128" s="75"/>
      <c r="N128" s="75"/>
      <c r="O128" s="75"/>
      <c r="P128" s="75"/>
      <c r="Q128" s="75"/>
    </row>
    <row r="129" spans="2:18" ht="24" customHeight="1" x14ac:dyDescent="0.2">
      <c r="B129" s="317" t="s">
        <v>47</v>
      </c>
      <c r="C129" s="318"/>
      <c r="D129" s="318"/>
      <c r="E129" s="318"/>
      <c r="F129" s="319"/>
      <c r="G129" s="251">
        <v>55</v>
      </c>
      <c r="H129" s="252"/>
      <c r="I129" s="252"/>
      <c r="J129" s="253"/>
      <c r="K129" s="75"/>
      <c r="L129" s="75"/>
      <c r="M129" s="75"/>
      <c r="N129" s="75"/>
      <c r="O129" s="75"/>
      <c r="P129" s="75"/>
      <c r="Q129" s="75"/>
    </row>
    <row r="130" spans="2:18" ht="24" customHeight="1" x14ac:dyDescent="0.2">
      <c r="B130" s="317" t="s">
        <v>48</v>
      </c>
      <c r="C130" s="318"/>
      <c r="D130" s="318"/>
      <c r="E130" s="318"/>
      <c r="F130" s="319"/>
      <c r="G130" s="251">
        <v>269</v>
      </c>
      <c r="H130" s="252"/>
      <c r="I130" s="252"/>
      <c r="J130" s="253"/>
      <c r="K130" s="75"/>
      <c r="L130" s="75"/>
      <c r="M130" s="75"/>
      <c r="N130" s="75"/>
      <c r="O130" s="75"/>
      <c r="P130" s="75"/>
      <c r="Q130" s="75"/>
    </row>
    <row r="131" spans="2:18" ht="24" customHeight="1" x14ac:dyDescent="0.2">
      <c r="B131" s="314" t="s">
        <v>106</v>
      </c>
      <c r="C131" s="315"/>
      <c r="D131" s="315"/>
      <c r="E131" s="315"/>
      <c r="F131" s="316"/>
      <c r="G131" s="246" t="s">
        <v>227</v>
      </c>
      <c r="H131" s="247"/>
      <c r="I131" s="247"/>
      <c r="J131" s="248"/>
      <c r="K131" s="75"/>
      <c r="L131" s="75"/>
      <c r="M131" s="75"/>
      <c r="N131" s="75"/>
      <c r="O131" s="75"/>
      <c r="P131" s="75"/>
      <c r="Q131" s="75"/>
      <c r="R131" s="26" t="s">
        <v>116</v>
      </c>
    </row>
    <row r="132" spans="2:18" x14ac:dyDescent="0.2">
      <c r="B132" s="75"/>
      <c r="C132" s="75"/>
      <c r="D132" s="75"/>
      <c r="E132" s="75"/>
      <c r="F132" s="75"/>
      <c r="G132" s="75"/>
      <c r="H132" s="75"/>
      <c r="I132" s="75"/>
      <c r="J132" s="75"/>
      <c r="K132" s="75"/>
      <c r="L132" s="75"/>
      <c r="M132" s="75"/>
      <c r="N132" s="75"/>
      <c r="O132" s="75"/>
      <c r="P132" s="75"/>
      <c r="Q132" s="75"/>
    </row>
    <row r="133" spans="2:18" x14ac:dyDescent="0.2">
      <c r="B133" s="262" t="s">
        <v>114</v>
      </c>
      <c r="C133" s="262"/>
      <c r="D133" s="262"/>
      <c r="E133" s="262"/>
      <c r="F133" s="262"/>
      <c r="G133" s="262"/>
      <c r="H133" s="262"/>
      <c r="I133" s="262"/>
      <c r="J133" s="262"/>
      <c r="K133" s="262"/>
      <c r="L133" s="262"/>
      <c r="M133" s="262"/>
      <c r="N133" s="262"/>
      <c r="O133" s="262"/>
      <c r="P133" s="262"/>
      <c r="Q133" s="262"/>
    </row>
    <row r="134" spans="2:18" ht="38.25" customHeight="1" x14ac:dyDescent="0.2">
      <c r="B134" s="39" t="s">
        <v>49</v>
      </c>
      <c r="C134" s="36" t="s">
        <v>50</v>
      </c>
      <c r="D134" s="39" t="s">
        <v>108</v>
      </c>
      <c r="E134" s="39" t="s">
        <v>109</v>
      </c>
      <c r="F134" s="39" t="s">
        <v>110</v>
      </c>
      <c r="G134" s="39" t="s">
        <v>110</v>
      </c>
      <c r="H134" s="37" t="s">
        <v>12</v>
      </c>
      <c r="I134" s="249" t="s">
        <v>165</v>
      </c>
      <c r="J134" s="249"/>
      <c r="K134" s="249"/>
      <c r="L134" s="249"/>
      <c r="M134" s="249"/>
      <c r="N134" s="249"/>
      <c r="O134" s="250"/>
      <c r="P134" s="250"/>
      <c r="Q134" s="250"/>
    </row>
    <row r="135" spans="2:18" ht="38.25" customHeight="1" x14ac:dyDescent="0.2">
      <c r="B135" s="115" t="s">
        <v>414</v>
      </c>
      <c r="C135" s="129" t="s">
        <v>174</v>
      </c>
      <c r="D135" s="115" t="s">
        <v>375</v>
      </c>
      <c r="E135" s="115">
        <v>2.008</v>
      </c>
      <c r="F135" s="115" t="s">
        <v>176</v>
      </c>
      <c r="G135" s="203">
        <v>0.69899999999999995</v>
      </c>
      <c r="H135" s="203">
        <f>SUM(H34:H37)</f>
        <v>16.338999999999999</v>
      </c>
      <c r="I135" s="246" t="s">
        <v>416</v>
      </c>
      <c r="J135" s="247"/>
      <c r="K135" s="247"/>
      <c r="L135" s="247"/>
      <c r="M135" s="247"/>
      <c r="N135" s="247"/>
      <c r="O135" s="222"/>
      <c r="P135" s="222"/>
      <c r="Q135" s="223"/>
    </row>
    <row r="136" spans="2:18" ht="38.25" customHeight="1" x14ac:dyDescent="0.2">
      <c r="B136" s="115" t="s">
        <v>372</v>
      </c>
      <c r="C136" s="114" t="s">
        <v>174</v>
      </c>
      <c r="D136" s="115" t="s">
        <v>176</v>
      </c>
      <c r="E136" s="203">
        <v>0.69899999999999995</v>
      </c>
      <c r="F136" s="115" t="s">
        <v>176</v>
      </c>
      <c r="G136" s="203">
        <v>1.407</v>
      </c>
      <c r="H136" s="116">
        <v>0.70800000000000007</v>
      </c>
      <c r="I136" s="246" t="s">
        <v>415</v>
      </c>
      <c r="J136" s="247"/>
      <c r="K136" s="247"/>
      <c r="L136" s="247"/>
      <c r="M136" s="247"/>
      <c r="N136" s="221"/>
      <c r="O136" s="222"/>
      <c r="P136" s="222"/>
      <c r="Q136" s="223"/>
    </row>
    <row r="137" spans="2:18" ht="38.25" customHeight="1" x14ac:dyDescent="0.2">
      <c r="B137" s="115" t="s">
        <v>374</v>
      </c>
      <c r="C137" s="129" t="s">
        <v>174</v>
      </c>
      <c r="D137" s="115" t="s">
        <v>176</v>
      </c>
      <c r="E137" s="203">
        <v>1.407</v>
      </c>
      <c r="F137" s="115" t="s">
        <v>176</v>
      </c>
      <c r="G137" s="203">
        <v>4.29</v>
      </c>
      <c r="H137" s="116">
        <v>2.883</v>
      </c>
      <c r="I137" s="246" t="s">
        <v>228</v>
      </c>
      <c r="J137" s="247"/>
      <c r="K137" s="247"/>
      <c r="L137" s="247"/>
      <c r="M137" s="247"/>
      <c r="N137" s="247"/>
      <c r="O137" s="222"/>
      <c r="P137" s="222"/>
      <c r="Q137" s="223"/>
    </row>
    <row r="138" spans="2:18" ht="20.85" customHeight="1" x14ac:dyDescent="0.2">
      <c r="B138" s="115">
        <v>2</v>
      </c>
      <c r="C138" s="129" t="s">
        <v>174</v>
      </c>
      <c r="D138" s="115" t="s">
        <v>176</v>
      </c>
      <c r="E138" s="115">
        <v>4.8940000000000001</v>
      </c>
      <c r="F138" s="115" t="s">
        <v>176</v>
      </c>
      <c r="G138" s="123">
        <v>6.8</v>
      </c>
      <c r="H138" s="116">
        <v>1.91</v>
      </c>
      <c r="I138" s="246" t="s">
        <v>228</v>
      </c>
      <c r="J138" s="247"/>
      <c r="K138" s="247"/>
      <c r="L138" s="247"/>
      <c r="M138" s="247"/>
      <c r="N138" s="247"/>
      <c r="O138" s="125"/>
      <c r="P138" s="125"/>
      <c r="Q138" s="126"/>
    </row>
    <row r="139" spans="2:18" ht="20.85" customHeight="1" x14ac:dyDescent="0.2">
      <c r="B139" s="115">
        <v>3</v>
      </c>
      <c r="C139" s="129" t="s">
        <v>174</v>
      </c>
      <c r="D139" s="115" t="s">
        <v>176</v>
      </c>
      <c r="E139" s="115">
        <v>6.8</v>
      </c>
      <c r="F139" s="115" t="s">
        <v>176</v>
      </c>
      <c r="G139" s="123">
        <v>8.8249999999999993</v>
      </c>
      <c r="H139" s="116">
        <v>2.0299999999999998</v>
      </c>
      <c r="I139" s="254" t="s">
        <v>229</v>
      </c>
      <c r="J139" s="255"/>
      <c r="K139" s="255"/>
      <c r="L139" s="255"/>
      <c r="M139" s="255"/>
      <c r="N139" s="255"/>
      <c r="O139" s="125"/>
      <c r="P139" s="125"/>
      <c r="Q139" s="126"/>
    </row>
    <row r="140" spans="2:18" ht="20.85" customHeight="1" x14ac:dyDescent="0.2">
      <c r="B140" s="115">
        <v>5</v>
      </c>
      <c r="C140" s="129" t="s">
        <v>174</v>
      </c>
      <c r="D140" s="115" t="s">
        <v>176</v>
      </c>
      <c r="E140" s="115">
        <v>9.3000000000000007</v>
      </c>
      <c r="F140" s="115" t="s">
        <v>177</v>
      </c>
      <c r="G140" s="123">
        <v>1.22</v>
      </c>
      <c r="H140" s="116">
        <v>1.91</v>
      </c>
      <c r="I140" s="246" t="s">
        <v>230</v>
      </c>
      <c r="J140" s="247"/>
      <c r="K140" s="247"/>
      <c r="L140" s="247"/>
      <c r="M140" s="247"/>
      <c r="N140" s="247"/>
      <c r="O140" s="125"/>
      <c r="P140" s="125"/>
      <c r="Q140" s="126"/>
    </row>
    <row r="141" spans="2:18" ht="20.85" customHeight="1" x14ac:dyDescent="0.2">
      <c r="B141" s="115">
        <v>8</v>
      </c>
      <c r="C141" s="129" t="s">
        <v>174</v>
      </c>
      <c r="D141" s="115" t="s">
        <v>177</v>
      </c>
      <c r="E141" s="115">
        <v>2.52</v>
      </c>
      <c r="F141" s="115" t="s">
        <v>177</v>
      </c>
      <c r="G141" s="123">
        <v>3.08</v>
      </c>
      <c r="H141" s="116">
        <v>0.56000000000000005</v>
      </c>
      <c r="I141" s="254" t="s">
        <v>231</v>
      </c>
      <c r="J141" s="255"/>
      <c r="K141" s="255"/>
      <c r="L141" s="255"/>
      <c r="M141" s="255"/>
      <c r="N141" s="255"/>
      <c r="O141" s="125"/>
      <c r="P141" s="125"/>
      <c r="Q141" s="126"/>
    </row>
    <row r="142" spans="2:18" ht="20.85" customHeight="1" x14ac:dyDescent="0.2">
      <c r="B142" s="115">
        <v>10</v>
      </c>
      <c r="C142" s="129" t="s">
        <v>174</v>
      </c>
      <c r="D142" s="115" t="s">
        <v>177</v>
      </c>
      <c r="E142" s="63">
        <v>3.6579999999999999</v>
      </c>
      <c r="F142" s="115" t="s">
        <v>177</v>
      </c>
      <c r="G142" s="63">
        <v>12.105</v>
      </c>
      <c r="H142" s="63">
        <v>8.4499999999999993</v>
      </c>
      <c r="I142" s="246" t="s">
        <v>228</v>
      </c>
      <c r="J142" s="247"/>
      <c r="K142" s="247"/>
      <c r="L142" s="247"/>
      <c r="M142" s="247"/>
      <c r="N142" s="247"/>
      <c r="O142" s="125"/>
      <c r="P142" s="125"/>
      <c r="Q142" s="126"/>
    </row>
    <row r="143" spans="2:18" ht="23.25" customHeight="1" x14ac:dyDescent="0.2">
      <c r="B143" s="112">
        <v>15</v>
      </c>
      <c r="C143" s="130">
        <v>6</v>
      </c>
      <c r="D143" s="112" t="s">
        <v>179</v>
      </c>
      <c r="E143" s="63">
        <v>0</v>
      </c>
      <c r="F143" s="112" t="s">
        <v>179</v>
      </c>
      <c r="G143" s="63">
        <v>0.4</v>
      </c>
      <c r="H143" s="63">
        <v>0.4</v>
      </c>
      <c r="I143" s="246" t="s">
        <v>232</v>
      </c>
      <c r="J143" s="247"/>
      <c r="K143" s="247"/>
      <c r="L143" s="247"/>
      <c r="M143" s="247"/>
      <c r="N143" s="247"/>
      <c r="O143" s="125"/>
      <c r="P143" s="125"/>
      <c r="Q143" s="126"/>
    </row>
    <row r="144" spans="2:18" x14ac:dyDescent="0.2">
      <c r="B144" s="42"/>
      <c r="C144" s="42"/>
      <c r="D144" s="42"/>
      <c r="E144" s="42"/>
      <c r="F144" s="42"/>
      <c r="G144" s="42"/>
      <c r="H144" s="42"/>
      <c r="I144" s="42"/>
      <c r="J144" s="42"/>
      <c r="K144" s="42"/>
      <c r="L144" s="42"/>
      <c r="M144" s="42"/>
      <c r="N144" s="42"/>
      <c r="O144" s="91"/>
      <c r="P144" s="42"/>
      <c r="Q144" s="42"/>
    </row>
    <row r="145" spans="2:17" x14ac:dyDescent="0.2">
      <c r="B145" s="262" t="s">
        <v>67</v>
      </c>
      <c r="C145" s="262"/>
      <c r="D145" s="262"/>
      <c r="E145" s="262"/>
      <c r="F145" s="262"/>
      <c r="G145" s="262"/>
      <c r="H145" s="262"/>
      <c r="I145" s="262"/>
      <c r="J145" s="262"/>
      <c r="K145" s="262"/>
      <c r="L145" s="262"/>
      <c r="M145" s="262"/>
      <c r="N145" s="262"/>
      <c r="O145" s="262"/>
      <c r="P145" s="262"/>
      <c r="Q145" s="262"/>
    </row>
    <row r="146" spans="2:17" x14ac:dyDescent="0.2">
      <c r="B146" s="259" t="s">
        <v>233</v>
      </c>
      <c r="C146" s="259"/>
      <c r="D146" s="259"/>
      <c r="E146" s="259"/>
      <c r="F146" s="259"/>
      <c r="G146" s="259"/>
      <c r="H146" s="259"/>
      <c r="I146" s="259"/>
      <c r="J146" s="259"/>
      <c r="K146" s="259"/>
      <c r="L146" s="259"/>
      <c r="M146" s="259"/>
      <c r="N146" s="259"/>
      <c r="O146" s="259"/>
      <c r="P146" s="259"/>
      <c r="Q146" s="259"/>
    </row>
    <row r="147" spans="2:17" x14ac:dyDescent="0.2">
      <c r="B147" s="259"/>
      <c r="C147" s="259"/>
      <c r="D147" s="259"/>
      <c r="E147" s="259"/>
      <c r="F147" s="259"/>
      <c r="G147" s="259"/>
      <c r="H147" s="259"/>
      <c r="I147" s="259"/>
      <c r="J147" s="259"/>
      <c r="K147" s="259"/>
      <c r="L147" s="259"/>
      <c r="M147" s="259"/>
      <c r="N147" s="259"/>
      <c r="O147" s="259"/>
      <c r="P147" s="259"/>
      <c r="Q147" s="259"/>
    </row>
    <row r="148" spans="2:17" x14ac:dyDescent="0.2">
      <c r="B148" s="259"/>
      <c r="C148" s="259"/>
      <c r="D148" s="259"/>
      <c r="E148" s="259"/>
      <c r="F148" s="259"/>
      <c r="G148" s="259"/>
      <c r="H148" s="259"/>
      <c r="I148" s="259"/>
      <c r="J148" s="259"/>
      <c r="K148" s="259"/>
      <c r="L148" s="259"/>
      <c r="M148" s="259"/>
      <c r="N148" s="259"/>
      <c r="O148" s="259"/>
      <c r="P148" s="259"/>
      <c r="Q148" s="259"/>
    </row>
    <row r="149" spans="2:17" x14ac:dyDescent="0.2">
      <c r="B149" s="259"/>
      <c r="C149" s="259"/>
      <c r="D149" s="259"/>
      <c r="E149" s="259"/>
      <c r="F149" s="259"/>
      <c r="G149" s="259"/>
      <c r="H149" s="259"/>
      <c r="I149" s="259"/>
      <c r="J149" s="259"/>
      <c r="K149" s="259"/>
      <c r="L149" s="259"/>
      <c r="M149" s="259"/>
      <c r="N149" s="259"/>
      <c r="O149" s="259"/>
      <c r="P149" s="259"/>
      <c r="Q149" s="259"/>
    </row>
    <row r="150" spans="2:17" x14ac:dyDescent="0.2">
      <c r="B150" s="259"/>
      <c r="C150" s="259"/>
      <c r="D150" s="259"/>
      <c r="E150" s="259"/>
      <c r="F150" s="259"/>
      <c r="G150" s="259"/>
      <c r="H150" s="259"/>
      <c r="I150" s="259"/>
      <c r="J150" s="259"/>
      <c r="K150" s="259"/>
      <c r="L150" s="259"/>
      <c r="M150" s="259"/>
      <c r="N150" s="259"/>
      <c r="O150" s="259"/>
      <c r="P150" s="259"/>
      <c r="Q150" s="259"/>
    </row>
    <row r="151" spans="2:17" x14ac:dyDescent="0.2">
      <c r="B151" s="259"/>
      <c r="C151" s="259"/>
      <c r="D151" s="259"/>
      <c r="E151" s="259"/>
      <c r="F151" s="259"/>
      <c r="G151" s="259"/>
      <c r="H151" s="259"/>
      <c r="I151" s="259"/>
      <c r="J151" s="259"/>
      <c r="K151" s="259"/>
      <c r="L151" s="259"/>
      <c r="M151" s="259"/>
      <c r="N151" s="259"/>
      <c r="O151" s="259"/>
      <c r="P151" s="259"/>
      <c r="Q151" s="259"/>
    </row>
    <row r="152" spans="2:17" x14ac:dyDescent="0.2">
      <c r="B152" s="259"/>
      <c r="C152" s="259"/>
      <c r="D152" s="259"/>
      <c r="E152" s="259"/>
      <c r="F152" s="259"/>
      <c r="G152" s="259"/>
      <c r="H152" s="259"/>
      <c r="I152" s="259"/>
      <c r="J152" s="259"/>
      <c r="K152" s="259"/>
      <c r="L152" s="259"/>
      <c r="M152" s="259"/>
      <c r="N152" s="259"/>
      <c r="O152" s="259"/>
      <c r="P152" s="259"/>
      <c r="Q152" s="259"/>
    </row>
    <row r="153" spans="2:17" x14ac:dyDescent="0.2">
      <c r="B153" s="259"/>
      <c r="C153" s="259"/>
      <c r="D153" s="259"/>
      <c r="E153" s="259"/>
      <c r="F153" s="259"/>
      <c r="G153" s="259"/>
      <c r="H153" s="259"/>
      <c r="I153" s="259"/>
      <c r="J153" s="259"/>
      <c r="K153" s="259"/>
      <c r="L153" s="259"/>
      <c r="M153" s="259"/>
      <c r="N153" s="259"/>
      <c r="O153" s="259"/>
      <c r="P153" s="259"/>
      <c r="Q153" s="259"/>
    </row>
    <row r="154" spans="2:17" x14ac:dyDescent="0.2">
      <c r="B154" s="259"/>
      <c r="C154" s="259"/>
      <c r="D154" s="259"/>
      <c r="E154" s="259"/>
      <c r="F154" s="259"/>
      <c r="G154" s="259"/>
      <c r="H154" s="259"/>
      <c r="I154" s="259"/>
      <c r="J154" s="259"/>
      <c r="K154" s="259"/>
      <c r="L154" s="259"/>
      <c r="M154" s="259"/>
      <c r="N154" s="259"/>
      <c r="O154" s="259"/>
      <c r="P154" s="259"/>
      <c r="Q154" s="259"/>
    </row>
    <row r="155" spans="2:17" x14ac:dyDescent="0.2">
      <c r="B155" s="259"/>
      <c r="C155" s="259"/>
      <c r="D155" s="259"/>
      <c r="E155" s="259"/>
      <c r="F155" s="259"/>
      <c r="G155" s="259"/>
      <c r="H155" s="259"/>
      <c r="I155" s="259"/>
      <c r="J155" s="259"/>
      <c r="K155" s="259"/>
      <c r="L155" s="259"/>
      <c r="M155" s="259"/>
      <c r="N155" s="259"/>
      <c r="O155" s="259"/>
      <c r="P155" s="259"/>
      <c r="Q155" s="259"/>
    </row>
    <row r="156" spans="2:17" x14ac:dyDescent="0.2">
      <c r="B156" s="259"/>
      <c r="C156" s="259"/>
      <c r="D156" s="259"/>
      <c r="E156" s="259"/>
      <c r="F156" s="259"/>
      <c r="G156" s="259"/>
      <c r="H156" s="259"/>
      <c r="I156" s="259"/>
      <c r="J156" s="259"/>
      <c r="K156" s="259"/>
      <c r="L156" s="259"/>
      <c r="M156" s="259"/>
      <c r="N156" s="259"/>
      <c r="O156" s="259"/>
      <c r="P156" s="259"/>
      <c r="Q156" s="259"/>
    </row>
    <row r="157" spans="2:17" x14ac:dyDescent="0.2">
      <c r="B157" s="75"/>
      <c r="C157" s="43"/>
      <c r="D157" s="43"/>
      <c r="E157" s="43"/>
      <c r="F157" s="43"/>
      <c r="G157" s="43"/>
      <c r="H157" s="43"/>
      <c r="I157" s="43"/>
      <c r="J157" s="43"/>
      <c r="K157" s="43"/>
      <c r="L157" s="75"/>
      <c r="M157" s="75"/>
      <c r="N157" s="75"/>
      <c r="O157" s="75"/>
      <c r="P157" s="75"/>
      <c r="Q157" s="75"/>
    </row>
    <row r="158" spans="2:17" x14ac:dyDescent="0.2">
      <c r="B158" s="262" t="s">
        <v>94</v>
      </c>
      <c r="C158" s="262"/>
      <c r="D158" s="262"/>
      <c r="E158" s="262"/>
      <c r="F158" s="262"/>
      <c r="G158" s="262"/>
      <c r="H158" s="262"/>
      <c r="I158" s="262"/>
      <c r="J158" s="262"/>
      <c r="K158" s="262"/>
      <c r="L158" s="262"/>
      <c r="M158" s="262"/>
      <c r="N158" s="262"/>
      <c r="O158" s="262"/>
      <c r="P158" s="262"/>
      <c r="Q158" s="262"/>
    </row>
    <row r="159" spans="2:17" ht="24" customHeight="1" x14ac:dyDescent="0.2">
      <c r="B159" s="257" t="s">
        <v>51</v>
      </c>
      <c r="C159" s="257"/>
      <c r="D159" s="257"/>
      <c r="E159" s="257"/>
      <c r="F159" s="257"/>
      <c r="G159" s="295"/>
      <c r="H159" s="295"/>
      <c r="I159" s="295"/>
      <c r="J159" s="295"/>
      <c r="K159" s="257" t="s">
        <v>52</v>
      </c>
      <c r="L159" s="257"/>
      <c r="M159" s="257"/>
      <c r="N159" s="257"/>
      <c r="O159" s="257"/>
      <c r="P159" s="257"/>
      <c r="Q159" s="295"/>
    </row>
    <row r="160" spans="2:17" ht="24" customHeight="1" x14ac:dyDescent="0.25">
      <c r="B160" s="251" t="s">
        <v>234</v>
      </c>
      <c r="C160" s="252"/>
      <c r="D160" s="252"/>
      <c r="E160" s="252"/>
      <c r="F160" s="252"/>
      <c r="G160" s="125"/>
      <c r="H160" s="125"/>
      <c r="I160" s="125"/>
      <c r="J160" s="126"/>
      <c r="K160" s="251" t="s">
        <v>238</v>
      </c>
      <c r="L160" s="277"/>
      <c r="M160" s="277"/>
      <c r="N160" s="277"/>
      <c r="O160" s="277"/>
      <c r="P160" s="277"/>
      <c r="Q160" s="126"/>
    </row>
    <row r="161" spans="2:17" ht="24" customHeight="1" x14ac:dyDescent="0.25">
      <c r="B161" s="251" t="s">
        <v>235</v>
      </c>
      <c r="C161" s="252"/>
      <c r="D161" s="252"/>
      <c r="E161" s="252"/>
      <c r="F161" s="252"/>
      <c r="G161" s="125"/>
      <c r="H161" s="125"/>
      <c r="I161" s="125"/>
      <c r="J161" s="126"/>
      <c r="K161" s="251" t="s">
        <v>239</v>
      </c>
      <c r="L161" s="277"/>
      <c r="M161" s="277"/>
      <c r="N161" s="277"/>
      <c r="O161" s="277"/>
      <c r="P161" s="277"/>
      <c r="Q161" s="126"/>
    </row>
    <row r="162" spans="2:17" ht="24" customHeight="1" x14ac:dyDescent="0.25">
      <c r="B162" s="251" t="s">
        <v>236</v>
      </c>
      <c r="C162" s="252"/>
      <c r="D162" s="252"/>
      <c r="E162" s="252"/>
      <c r="F162" s="252"/>
      <c r="G162" s="125"/>
      <c r="H162" s="125"/>
      <c r="I162" s="125"/>
      <c r="J162" s="126"/>
      <c r="K162" s="251" t="s">
        <v>240</v>
      </c>
      <c r="L162" s="277"/>
      <c r="M162" s="277"/>
      <c r="N162" s="277"/>
      <c r="O162" s="277"/>
      <c r="P162" s="277"/>
      <c r="Q162" s="126"/>
    </row>
    <row r="163" spans="2:17" ht="24" customHeight="1" x14ac:dyDescent="0.25">
      <c r="B163" s="251" t="s">
        <v>237</v>
      </c>
      <c r="C163" s="252"/>
      <c r="D163" s="252"/>
      <c r="E163" s="252"/>
      <c r="F163" s="252"/>
      <c r="G163" s="131"/>
      <c r="H163" s="131"/>
      <c r="I163" s="131"/>
      <c r="J163" s="132"/>
      <c r="K163" s="251" t="s">
        <v>241</v>
      </c>
      <c r="L163" s="277"/>
      <c r="M163" s="277"/>
      <c r="N163" s="277"/>
      <c r="O163" s="277"/>
      <c r="P163" s="277"/>
      <c r="Q163" s="126"/>
    </row>
    <row r="164" spans="2:17" x14ac:dyDescent="0.2">
      <c r="B164" s="75"/>
      <c r="C164" s="43"/>
      <c r="D164" s="43"/>
      <c r="E164" s="43"/>
      <c r="F164" s="43"/>
      <c r="G164" s="131"/>
      <c r="H164" s="131"/>
      <c r="I164" s="131"/>
      <c r="J164" s="131"/>
      <c r="K164" s="75"/>
      <c r="L164" s="75"/>
      <c r="M164" s="75"/>
      <c r="N164" s="75"/>
      <c r="O164" s="75"/>
      <c r="P164" s="75"/>
      <c r="Q164" s="43"/>
    </row>
    <row r="165" spans="2:17" x14ac:dyDescent="0.2">
      <c r="B165" s="75"/>
      <c r="C165" s="75"/>
      <c r="D165" s="75"/>
      <c r="E165" s="75"/>
      <c r="F165" s="75"/>
      <c r="G165" s="75"/>
      <c r="H165" s="75"/>
      <c r="I165" s="75"/>
      <c r="J165" s="75"/>
      <c r="K165" s="75"/>
      <c r="L165" s="75"/>
      <c r="M165" s="75"/>
      <c r="N165" s="75"/>
      <c r="O165" s="75"/>
      <c r="P165" s="75"/>
      <c r="Q165" s="43"/>
    </row>
    <row r="166" spans="2:17" ht="23.1" customHeight="1" x14ac:dyDescent="0.2">
      <c r="B166" s="329" t="s">
        <v>138</v>
      </c>
      <c r="C166" s="330"/>
      <c r="D166" s="330"/>
      <c r="E166" s="330"/>
      <c r="F166" s="330"/>
      <c r="G166" s="330"/>
      <c r="H166" s="330"/>
      <c r="I166" s="330"/>
      <c r="J166" s="330"/>
      <c r="K166" s="330"/>
      <c r="L166" s="330"/>
      <c r="M166" s="330"/>
      <c r="N166" s="330"/>
      <c r="O166" s="330"/>
      <c r="P166" s="330"/>
      <c r="Q166" s="331"/>
    </row>
    <row r="167" spans="2:17" ht="24" customHeight="1" x14ac:dyDescent="0.2">
      <c r="B167" s="354" t="s">
        <v>59</v>
      </c>
      <c r="C167" s="355"/>
      <c r="D167" s="355"/>
      <c r="E167" s="355"/>
      <c r="F167" s="355"/>
      <c r="G167" s="355"/>
      <c r="H167" s="355"/>
      <c r="I167" s="355"/>
      <c r="J167" s="355"/>
      <c r="K167" s="355"/>
      <c r="L167" s="355"/>
      <c r="M167" s="355"/>
      <c r="N167" s="355"/>
      <c r="O167" s="355"/>
      <c r="P167" s="355"/>
      <c r="Q167" s="356"/>
    </row>
    <row r="168" spans="2:17" ht="24" customHeight="1" x14ac:dyDescent="0.2">
      <c r="B168" s="257" t="s">
        <v>88</v>
      </c>
      <c r="C168" s="257"/>
      <c r="D168" s="257"/>
      <c r="E168" s="257"/>
      <c r="F168" s="257"/>
      <c r="G168" s="257"/>
      <c r="H168" s="257"/>
      <c r="I168" s="257"/>
      <c r="J168" s="257"/>
      <c r="K168" s="257"/>
      <c r="L168" s="257"/>
      <c r="M168" s="257"/>
      <c r="N168" s="257"/>
      <c r="O168" s="257"/>
      <c r="P168" s="257"/>
      <c r="Q168" s="257"/>
    </row>
    <row r="169" spans="2:17" ht="24" customHeight="1" x14ac:dyDescent="0.2">
      <c r="B169" s="12" t="s">
        <v>4</v>
      </c>
      <c r="C169" s="289" t="str">
        <f>IF($D$17="","",$D$17)</f>
        <v/>
      </c>
      <c r="D169" s="289"/>
      <c r="E169" s="289"/>
      <c r="F169" s="289"/>
      <c r="G169" s="289"/>
      <c r="H169" s="289"/>
      <c r="I169" s="289"/>
      <c r="J169" s="13" t="s">
        <v>79</v>
      </c>
      <c r="K169" s="256">
        <f>IFERROR(K170-14,"TBC")</f>
        <v>44330</v>
      </c>
      <c r="L169" s="256"/>
      <c r="M169" s="256"/>
      <c r="N169" s="256"/>
      <c r="O169" s="256"/>
      <c r="P169" s="256"/>
      <c r="Q169" s="256"/>
    </row>
    <row r="170" spans="2:17" ht="24" customHeight="1" x14ac:dyDescent="0.2">
      <c r="B170" s="12" t="s">
        <v>6</v>
      </c>
      <c r="C170" s="289" t="s">
        <v>89</v>
      </c>
      <c r="D170" s="289"/>
      <c r="E170" s="289"/>
      <c r="F170" s="289"/>
      <c r="G170" s="289"/>
      <c r="H170" s="289"/>
      <c r="I170" s="289"/>
      <c r="J170" s="14" t="s">
        <v>81</v>
      </c>
      <c r="K170" s="256">
        <v>44344</v>
      </c>
      <c r="L170" s="256"/>
      <c r="M170" s="256"/>
      <c r="N170" s="256"/>
      <c r="O170" s="256"/>
      <c r="P170" s="256"/>
      <c r="Q170" s="256"/>
    </row>
    <row r="171" spans="2:17" ht="72" customHeight="1" x14ac:dyDescent="0.2">
      <c r="B171" s="12" t="s">
        <v>53</v>
      </c>
      <c r="C171" s="258" t="s">
        <v>242</v>
      </c>
      <c r="D171" s="258"/>
      <c r="E171" s="258"/>
      <c r="F171" s="258"/>
      <c r="G171" s="258"/>
      <c r="H171" s="258"/>
      <c r="I171" s="258"/>
      <c r="J171" s="258"/>
      <c r="K171" s="258"/>
      <c r="L171" s="258"/>
      <c r="M171" s="258"/>
      <c r="N171" s="258"/>
      <c r="O171" s="258"/>
      <c r="P171" s="258"/>
      <c r="Q171" s="258"/>
    </row>
    <row r="172" spans="2:17" ht="24" customHeight="1" x14ac:dyDescent="0.2">
      <c r="B172" s="20"/>
      <c r="C172" s="20"/>
      <c r="D172" s="20"/>
      <c r="E172" s="20"/>
      <c r="F172" s="20"/>
      <c r="G172" s="20"/>
      <c r="H172" s="20"/>
      <c r="I172" s="20"/>
      <c r="J172" s="20"/>
      <c r="K172" s="20"/>
      <c r="L172" s="20"/>
      <c r="M172" s="20"/>
      <c r="N172" s="20"/>
      <c r="O172" s="20"/>
      <c r="P172" s="20"/>
      <c r="Q172" s="20"/>
    </row>
    <row r="173" spans="2:17" ht="24" customHeight="1" x14ac:dyDescent="0.2">
      <c r="B173" s="257" t="s">
        <v>87</v>
      </c>
      <c r="C173" s="257"/>
      <c r="D173" s="257"/>
      <c r="E173" s="257"/>
      <c r="F173" s="257"/>
      <c r="G173" s="257"/>
      <c r="H173" s="257"/>
      <c r="I173" s="257"/>
      <c r="J173" s="257"/>
      <c r="K173" s="257"/>
      <c r="L173" s="257"/>
      <c r="M173" s="257"/>
      <c r="N173" s="257"/>
      <c r="O173" s="257"/>
      <c r="P173" s="257"/>
      <c r="Q173" s="257"/>
    </row>
    <row r="174" spans="2:17" ht="24" customHeight="1" x14ac:dyDescent="0.2">
      <c r="B174" s="12" t="s">
        <v>4</v>
      </c>
      <c r="C174" s="289"/>
      <c r="D174" s="289"/>
      <c r="E174" s="289"/>
      <c r="F174" s="289"/>
      <c r="G174" s="289"/>
      <c r="H174" s="289"/>
      <c r="I174" s="289"/>
      <c r="J174" s="13" t="s">
        <v>79</v>
      </c>
      <c r="K174" s="256" t="str">
        <f>IFERROR(K175-14,"TBC")</f>
        <v>TBC</v>
      </c>
      <c r="L174" s="256"/>
      <c r="M174" s="256"/>
      <c r="N174" s="256"/>
      <c r="O174" s="256"/>
      <c r="P174" s="256"/>
      <c r="Q174" s="256"/>
    </row>
    <row r="175" spans="2:17" ht="24" customHeight="1" x14ac:dyDescent="0.2">
      <c r="B175" s="12" t="s">
        <v>6</v>
      </c>
      <c r="C175" s="289" t="s">
        <v>80</v>
      </c>
      <c r="D175" s="289"/>
      <c r="E175" s="289"/>
      <c r="F175" s="289"/>
      <c r="G175" s="289"/>
      <c r="H175" s="289"/>
      <c r="I175" s="289"/>
      <c r="J175" s="14" t="s">
        <v>81</v>
      </c>
      <c r="K175" s="256" t="str">
        <f>IF($D$14="","TBC",$D$14)</f>
        <v>TBC</v>
      </c>
      <c r="L175" s="256"/>
      <c r="M175" s="256"/>
      <c r="N175" s="256"/>
      <c r="O175" s="256"/>
      <c r="P175" s="256"/>
      <c r="Q175" s="256"/>
    </row>
    <row r="176" spans="2:17" ht="72" customHeight="1" x14ac:dyDescent="0.2">
      <c r="B176" s="12" t="s">
        <v>53</v>
      </c>
      <c r="C176" s="259"/>
      <c r="D176" s="259"/>
      <c r="E176" s="259"/>
      <c r="F176" s="259"/>
      <c r="G176" s="259"/>
      <c r="H176" s="259"/>
      <c r="I176" s="259"/>
      <c r="J176" s="259"/>
      <c r="K176" s="259"/>
      <c r="L176" s="259"/>
      <c r="M176" s="259"/>
      <c r="N176" s="259"/>
      <c r="O176" s="259"/>
      <c r="P176" s="259"/>
      <c r="Q176" s="259"/>
    </row>
    <row r="177" spans="2:17" ht="24" customHeight="1" x14ac:dyDescent="0.2">
      <c r="B177" s="15"/>
      <c r="C177" s="43"/>
      <c r="D177" s="43"/>
      <c r="E177" s="43"/>
      <c r="F177" s="43"/>
      <c r="G177" s="43"/>
      <c r="H177" s="43"/>
      <c r="I177" s="43"/>
      <c r="J177" s="43"/>
      <c r="K177" s="43"/>
      <c r="L177" s="43"/>
      <c r="M177" s="43"/>
      <c r="N177" s="43"/>
      <c r="O177" s="96"/>
      <c r="P177" s="43"/>
      <c r="Q177" s="43"/>
    </row>
    <row r="178" spans="2:17" ht="36" customHeight="1" x14ac:dyDescent="0.2">
      <c r="B178" s="260" t="s">
        <v>54</v>
      </c>
      <c r="C178" s="261"/>
      <c r="D178" s="261"/>
      <c r="E178" s="261"/>
      <c r="F178" s="261"/>
      <c r="G178" s="261"/>
      <c r="H178" s="261"/>
      <c r="I178" s="261"/>
      <c r="J178" s="261"/>
      <c r="K178" s="261"/>
      <c r="L178" s="261"/>
      <c r="M178" s="261"/>
      <c r="N178" s="261"/>
      <c r="O178" s="261"/>
      <c r="P178" s="261"/>
      <c r="Q178" s="261"/>
    </row>
    <row r="179" spans="2:17" ht="24" customHeight="1" x14ac:dyDescent="0.2">
      <c r="B179" s="12" t="s">
        <v>4</v>
      </c>
      <c r="C179" s="289"/>
      <c r="D179" s="289"/>
      <c r="E179" s="289"/>
      <c r="F179" s="289"/>
      <c r="G179" s="289"/>
      <c r="H179" s="289"/>
      <c r="I179" s="289"/>
      <c r="J179" s="13" t="s">
        <v>79</v>
      </c>
      <c r="K179" s="256">
        <v>44347</v>
      </c>
      <c r="L179" s="256"/>
      <c r="M179" s="256"/>
      <c r="N179" s="256"/>
      <c r="O179" s="256"/>
      <c r="P179" s="256"/>
      <c r="Q179" s="256"/>
    </row>
    <row r="180" spans="2:17" ht="24" customHeight="1" x14ac:dyDescent="0.2">
      <c r="B180" s="12" t="s">
        <v>6</v>
      </c>
      <c r="C180" s="289" t="s">
        <v>275</v>
      </c>
      <c r="D180" s="289"/>
      <c r="E180" s="289"/>
      <c r="F180" s="289"/>
      <c r="G180" s="289"/>
      <c r="H180" s="289"/>
      <c r="I180" s="289"/>
      <c r="J180" s="14" t="s">
        <v>81</v>
      </c>
      <c r="K180" s="256">
        <v>44347</v>
      </c>
      <c r="L180" s="256"/>
      <c r="M180" s="256"/>
      <c r="N180" s="256"/>
      <c r="O180" s="256"/>
      <c r="P180" s="256"/>
      <c r="Q180" s="256"/>
    </row>
    <row r="181" spans="2:17" ht="327.75" customHeight="1" x14ac:dyDescent="0.2">
      <c r="B181" s="12" t="s">
        <v>53</v>
      </c>
      <c r="C181" s="259" t="s">
        <v>243</v>
      </c>
      <c r="D181" s="259"/>
      <c r="E181" s="259"/>
      <c r="F181" s="259"/>
      <c r="G181" s="259"/>
      <c r="H181" s="259"/>
      <c r="I181" s="259"/>
      <c r="J181" s="259"/>
      <c r="K181" s="259"/>
      <c r="L181" s="259"/>
      <c r="M181" s="259"/>
      <c r="N181" s="259"/>
      <c r="O181" s="259"/>
      <c r="P181" s="259"/>
      <c r="Q181" s="259"/>
    </row>
    <row r="182" spans="2:17" ht="24" customHeight="1" x14ac:dyDescent="0.2">
      <c r="B182" s="15"/>
      <c r="C182" s="43"/>
      <c r="D182" s="43"/>
      <c r="E182" s="43"/>
      <c r="F182" s="43"/>
      <c r="G182" s="43"/>
      <c r="H182" s="43"/>
      <c r="I182" s="43"/>
      <c r="J182" s="43"/>
      <c r="K182" s="43"/>
      <c r="L182" s="43"/>
      <c r="M182" s="43"/>
      <c r="N182" s="43"/>
      <c r="O182" s="96"/>
      <c r="P182" s="43"/>
      <c r="Q182" s="43"/>
    </row>
    <row r="183" spans="2:17" ht="36" customHeight="1" x14ac:dyDescent="0.2">
      <c r="B183" s="260" t="s">
        <v>55</v>
      </c>
      <c r="C183" s="261"/>
      <c r="D183" s="261"/>
      <c r="E183" s="261"/>
      <c r="F183" s="261"/>
      <c r="G183" s="261"/>
      <c r="H183" s="261"/>
      <c r="I183" s="261"/>
      <c r="J183" s="261"/>
      <c r="K183" s="261"/>
      <c r="L183" s="261"/>
      <c r="M183" s="261"/>
      <c r="N183" s="261"/>
      <c r="O183" s="261"/>
      <c r="P183" s="261"/>
      <c r="Q183" s="261"/>
    </row>
    <row r="184" spans="2:17" ht="24" customHeight="1" x14ac:dyDescent="0.2">
      <c r="B184" s="12" t="s">
        <v>4</v>
      </c>
      <c r="C184" s="289"/>
      <c r="D184" s="289"/>
      <c r="E184" s="289"/>
      <c r="F184" s="289"/>
      <c r="G184" s="289"/>
      <c r="H184" s="289"/>
      <c r="I184" s="289"/>
      <c r="J184" s="13" t="s">
        <v>79</v>
      </c>
      <c r="K184" s="256" t="s">
        <v>245</v>
      </c>
      <c r="L184" s="256"/>
      <c r="M184" s="256"/>
      <c r="N184" s="256"/>
      <c r="O184" s="256"/>
      <c r="P184" s="256"/>
      <c r="Q184" s="256"/>
    </row>
    <row r="185" spans="2:17" ht="24" customHeight="1" x14ac:dyDescent="0.2">
      <c r="B185" s="12" t="s">
        <v>6</v>
      </c>
      <c r="C185" s="289" t="s">
        <v>82</v>
      </c>
      <c r="D185" s="289"/>
      <c r="E185" s="289"/>
      <c r="F185" s="289"/>
      <c r="G185" s="289"/>
      <c r="H185" s="289"/>
      <c r="I185" s="289"/>
      <c r="J185" s="14" t="s">
        <v>81</v>
      </c>
      <c r="K185" s="256" t="str">
        <f>IF($D$14="","TBC",$D$14)</f>
        <v>TBC</v>
      </c>
      <c r="L185" s="256"/>
      <c r="M185" s="256"/>
      <c r="N185" s="256"/>
      <c r="O185" s="256"/>
      <c r="P185" s="256"/>
      <c r="Q185" s="256"/>
    </row>
    <row r="186" spans="2:17" ht="72" customHeight="1" x14ac:dyDescent="0.2">
      <c r="B186" s="12" t="s">
        <v>53</v>
      </c>
      <c r="C186" s="259" t="s">
        <v>244</v>
      </c>
      <c r="D186" s="259"/>
      <c r="E186" s="259"/>
      <c r="F186" s="259"/>
      <c r="G186" s="259"/>
      <c r="H186" s="259"/>
      <c r="I186" s="259"/>
      <c r="J186" s="259"/>
      <c r="K186" s="259"/>
      <c r="L186" s="259"/>
      <c r="M186" s="259"/>
      <c r="N186" s="259"/>
      <c r="O186" s="259"/>
      <c r="P186" s="259"/>
      <c r="Q186" s="259"/>
    </row>
    <row r="187" spans="2:17" ht="24" customHeight="1" x14ac:dyDescent="0.2">
      <c r="B187" s="15"/>
      <c r="C187" s="43"/>
      <c r="D187" s="43"/>
      <c r="E187" s="43"/>
      <c r="F187" s="43"/>
      <c r="G187" s="43"/>
      <c r="H187" s="43"/>
      <c r="I187" s="43"/>
      <c r="J187" s="43"/>
      <c r="K187" s="43"/>
      <c r="L187" s="43"/>
      <c r="M187" s="43"/>
      <c r="N187" s="43"/>
      <c r="O187" s="96"/>
      <c r="P187" s="43"/>
      <c r="Q187" s="43"/>
    </row>
    <row r="188" spans="2:17" ht="36" customHeight="1" x14ac:dyDescent="0.2">
      <c r="B188" s="257" t="s">
        <v>58</v>
      </c>
      <c r="C188" s="257"/>
      <c r="D188" s="257"/>
      <c r="E188" s="257"/>
      <c r="F188" s="257"/>
      <c r="G188" s="257"/>
      <c r="H188" s="257"/>
      <c r="I188" s="257"/>
      <c r="J188" s="257"/>
      <c r="K188" s="257"/>
      <c r="L188" s="257"/>
      <c r="M188" s="257"/>
      <c r="N188" s="257"/>
      <c r="O188" s="257"/>
      <c r="P188" s="257"/>
      <c r="Q188" s="257"/>
    </row>
    <row r="189" spans="2:17" ht="24" customHeight="1" x14ac:dyDescent="0.2">
      <c r="B189" s="22" t="s">
        <v>4</v>
      </c>
      <c r="C189" s="353"/>
      <c r="D189" s="353"/>
      <c r="E189" s="353"/>
      <c r="F189" s="353"/>
      <c r="G189" s="353"/>
      <c r="H189" s="353"/>
      <c r="I189" s="353"/>
      <c r="J189" s="24" t="s">
        <v>79</v>
      </c>
      <c r="K189" s="256" t="str">
        <f>IFERROR(K190-14,"TBC")</f>
        <v>TBC</v>
      </c>
      <c r="L189" s="256"/>
      <c r="M189" s="256"/>
      <c r="N189" s="256"/>
      <c r="O189" s="256"/>
      <c r="P189" s="256"/>
      <c r="Q189" s="256"/>
    </row>
    <row r="190" spans="2:17" ht="24" customHeight="1" x14ac:dyDescent="0.2">
      <c r="B190" s="12" t="s">
        <v>6</v>
      </c>
      <c r="C190" s="357" t="s">
        <v>83</v>
      </c>
      <c r="D190" s="357"/>
      <c r="E190" s="357"/>
      <c r="F190" s="357"/>
      <c r="G190" s="357"/>
      <c r="H190" s="357"/>
      <c r="I190" s="357"/>
      <c r="J190" s="23" t="s">
        <v>81</v>
      </c>
      <c r="K190" s="256" t="str">
        <f>IF($D$14="","TBC",$D$14)</f>
        <v>TBC</v>
      </c>
      <c r="L190" s="256"/>
      <c r="M190" s="256"/>
      <c r="N190" s="256"/>
      <c r="O190" s="256"/>
      <c r="P190" s="256"/>
      <c r="Q190" s="256"/>
    </row>
    <row r="191" spans="2:17" ht="72" customHeight="1" x14ac:dyDescent="0.2">
      <c r="B191" s="12" t="s">
        <v>53</v>
      </c>
      <c r="C191" s="259"/>
      <c r="D191" s="259"/>
      <c r="E191" s="259"/>
      <c r="F191" s="259"/>
      <c r="G191" s="259"/>
      <c r="H191" s="259"/>
      <c r="I191" s="259"/>
      <c r="J191" s="259"/>
      <c r="K191" s="259"/>
      <c r="L191" s="259"/>
      <c r="M191" s="259"/>
      <c r="N191" s="259"/>
      <c r="O191" s="259"/>
      <c r="P191" s="259"/>
      <c r="Q191" s="259"/>
    </row>
    <row r="192" spans="2:17" ht="24" customHeight="1" x14ac:dyDescent="0.2">
      <c r="B192" s="15"/>
      <c r="C192" s="43"/>
      <c r="D192" s="43"/>
      <c r="E192" s="43"/>
      <c r="F192" s="43"/>
      <c r="G192" s="43"/>
      <c r="H192" s="43"/>
      <c r="I192" s="43"/>
      <c r="J192" s="43"/>
      <c r="K192" s="43"/>
      <c r="L192" s="43"/>
      <c r="M192" s="43"/>
      <c r="N192" s="43"/>
      <c r="O192" s="96"/>
      <c r="P192" s="43"/>
      <c r="Q192" s="43"/>
    </row>
    <row r="193" spans="2:17" ht="36" customHeight="1" x14ac:dyDescent="0.2">
      <c r="B193" s="257" t="s">
        <v>57</v>
      </c>
      <c r="C193" s="257"/>
      <c r="D193" s="257"/>
      <c r="E193" s="257"/>
      <c r="F193" s="257"/>
      <c r="G193" s="257"/>
      <c r="H193" s="257"/>
      <c r="I193" s="257"/>
      <c r="J193" s="257"/>
      <c r="K193" s="257"/>
      <c r="L193" s="257"/>
      <c r="M193" s="257"/>
      <c r="N193" s="257"/>
      <c r="O193" s="257"/>
      <c r="P193" s="257"/>
      <c r="Q193" s="257"/>
    </row>
    <row r="194" spans="2:17" ht="24" customHeight="1" x14ac:dyDescent="0.2">
      <c r="B194" s="22" t="s">
        <v>4</v>
      </c>
      <c r="C194" s="353"/>
      <c r="D194" s="353"/>
      <c r="E194" s="353"/>
      <c r="F194" s="353"/>
      <c r="G194" s="353"/>
      <c r="H194" s="353"/>
      <c r="I194" s="353"/>
      <c r="J194" s="24" t="s">
        <v>79</v>
      </c>
      <c r="K194" s="256">
        <v>44342</v>
      </c>
      <c r="L194" s="256"/>
      <c r="M194" s="256"/>
      <c r="N194" s="256"/>
      <c r="O194" s="256"/>
      <c r="P194" s="256"/>
      <c r="Q194" s="256"/>
    </row>
    <row r="195" spans="2:17" ht="24" customHeight="1" x14ac:dyDescent="0.2">
      <c r="B195" s="12" t="s">
        <v>6</v>
      </c>
      <c r="C195" s="357" t="s">
        <v>246</v>
      </c>
      <c r="D195" s="357"/>
      <c r="E195" s="357"/>
      <c r="F195" s="357"/>
      <c r="G195" s="357"/>
      <c r="H195" s="357"/>
      <c r="I195" s="357"/>
      <c r="J195" s="23" t="s">
        <v>81</v>
      </c>
      <c r="K195" s="256">
        <v>44342</v>
      </c>
      <c r="L195" s="256"/>
      <c r="M195" s="256"/>
      <c r="N195" s="256"/>
      <c r="O195" s="256"/>
      <c r="P195" s="256"/>
      <c r="Q195" s="256"/>
    </row>
    <row r="196" spans="2:17" ht="96" customHeight="1" x14ac:dyDescent="0.2">
      <c r="B196" s="12" t="s">
        <v>53</v>
      </c>
      <c r="C196" s="259" t="s">
        <v>247</v>
      </c>
      <c r="D196" s="259"/>
      <c r="E196" s="259"/>
      <c r="F196" s="259"/>
      <c r="G196" s="259"/>
      <c r="H196" s="259"/>
      <c r="I196" s="259"/>
      <c r="J196" s="259"/>
      <c r="K196" s="259"/>
      <c r="L196" s="259"/>
      <c r="M196" s="259"/>
      <c r="N196" s="259"/>
      <c r="O196" s="259"/>
      <c r="P196" s="259"/>
      <c r="Q196" s="259"/>
    </row>
    <row r="197" spans="2:17" ht="24" customHeight="1" x14ac:dyDescent="0.2">
      <c r="B197" s="15"/>
      <c r="C197" s="43"/>
      <c r="D197" s="43"/>
      <c r="E197" s="43"/>
      <c r="F197" s="43"/>
      <c r="G197" s="43"/>
      <c r="H197" s="43"/>
      <c r="I197" s="43"/>
      <c r="J197" s="43"/>
      <c r="K197" s="43"/>
      <c r="L197" s="43"/>
      <c r="M197" s="43"/>
      <c r="N197" s="43"/>
      <c r="O197" s="96"/>
      <c r="P197" s="43"/>
      <c r="Q197" s="43"/>
    </row>
    <row r="198" spans="2:17" ht="36" customHeight="1" x14ac:dyDescent="0.2">
      <c r="B198" s="257" t="s">
        <v>56</v>
      </c>
      <c r="C198" s="257"/>
      <c r="D198" s="257"/>
      <c r="E198" s="257"/>
      <c r="F198" s="257"/>
      <c r="G198" s="257"/>
      <c r="H198" s="257"/>
      <c r="I198" s="257"/>
      <c r="J198" s="257"/>
      <c r="K198" s="257"/>
      <c r="L198" s="257"/>
      <c r="M198" s="257"/>
      <c r="N198" s="257"/>
      <c r="O198" s="257"/>
      <c r="P198" s="257"/>
      <c r="Q198" s="257"/>
    </row>
    <row r="199" spans="2:17" ht="24" customHeight="1" x14ac:dyDescent="0.2">
      <c r="B199" s="22" t="s">
        <v>4</v>
      </c>
      <c r="C199" s="353"/>
      <c r="D199" s="353"/>
      <c r="E199" s="353"/>
      <c r="F199" s="353"/>
      <c r="G199" s="353"/>
      <c r="H199" s="353"/>
      <c r="I199" s="353"/>
      <c r="J199" s="24" t="s">
        <v>79</v>
      </c>
      <c r="K199" s="256">
        <v>44344</v>
      </c>
      <c r="L199" s="256"/>
      <c r="M199" s="256"/>
      <c r="N199" s="256"/>
      <c r="O199" s="256"/>
      <c r="P199" s="256"/>
      <c r="Q199" s="256"/>
    </row>
    <row r="200" spans="2:17" ht="24" customHeight="1" x14ac:dyDescent="0.2">
      <c r="B200" s="12" t="s">
        <v>6</v>
      </c>
      <c r="C200" s="357" t="s">
        <v>147</v>
      </c>
      <c r="D200" s="357"/>
      <c r="E200" s="357"/>
      <c r="F200" s="357"/>
      <c r="G200" s="357"/>
      <c r="H200" s="357"/>
      <c r="I200" s="357"/>
      <c r="J200" s="23" t="s">
        <v>81</v>
      </c>
      <c r="K200" s="256">
        <v>44344</v>
      </c>
      <c r="L200" s="256"/>
      <c r="M200" s="256"/>
      <c r="N200" s="256"/>
      <c r="O200" s="256"/>
      <c r="P200" s="256"/>
      <c r="Q200" s="256"/>
    </row>
    <row r="201" spans="2:17" ht="72" customHeight="1" x14ac:dyDescent="0.2">
      <c r="B201" s="12" t="s">
        <v>53</v>
      </c>
      <c r="C201" s="259" t="s">
        <v>248</v>
      </c>
      <c r="D201" s="259"/>
      <c r="E201" s="259"/>
      <c r="F201" s="259"/>
      <c r="G201" s="259"/>
      <c r="H201" s="259"/>
      <c r="I201" s="259"/>
      <c r="J201" s="259"/>
      <c r="K201" s="259"/>
      <c r="L201" s="259"/>
      <c r="M201" s="259"/>
      <c r="N201" s="259"/>
      <c r="O201" s="259"/>
      <c r="P201" s="259"/>
      <c r="Q201" s="259"/>
    </row>
    <row r="202" spans="2:17" ht="24" customHeight="1" x14ac:dyDescent="0.2">
      <c r="B202" s="16"/>
      <c r="C202" s="43"/>
      <c r="D202" s="43"/>
      <c r="E202" s="43"/>
      <c r="F202" s="43"/>
      <c r="G202" s="43"/>
      <c r="H202" s="43"/>
      <c r="I202" s="43"/>
      <c r="J202" s="43"/>
      <c r="K202" s="43"/>
      <c r="L202" s="43"/>
      <c r="M202" s="43"/>
      <c r="N202" s="43"/>
      <c r="O202" s="96"/>
      <c r="P202" s="43"/>
      <c r="Q202" s="43"/>
    </row>
    <row r="203" spans="2:17" ht="30" customHeight="1" x14ac:dyDescent="0.2">
      <c r="B203" s="257" t="s">
        <v>84</v>
      </c>
      <c r="C203" s="257"/>
      <c r="D203" s="257"/>
      <c r="E203" s="257"/>
      <c r="F203" s="257"/>
      <c r="G203" s="257"/>
      <c r="H203" s="257"/>
      <c r="I203" s="257"/>
      <c r="J203" s="257"/>
      <c r="K203" s="257"/>
      <c r="L203" s="257"/>
      <c r="M203" s="257"/>
      <c r="N203" s="257"/>
      <c r="O203" s="257"/>
      <c r="P203" s="257"/>
      <c r="Q203" s="257"/>
    </row>
    <row r="204" spans="2:17" ht="24" customHeight="1" x14ac:dyDescent="0.2">
      <c r="B204" s="22" t="s">
        <v>4</v>
      </c>
      <c r="C204" s="353"/>
      <c r="D204" s="353"/>
      <c r="E204" s="353"/>
      <c r="F204" s="353"/>
      <c r="G204" s="353"/>
      <c r="H204" s="353"/>
      <c r="I204" s="353"/>
      <c r="J204" s="24" t="s">
        <v>79</v>
      </c>
      <c r="K204" s="256" t="str">
        <f>IFERROR(K205-14,"TBC")</f>
        <v>TBC</v>
      </c>
      <c r="L204" s="256"/>
      <c r="M204" s="256"/>
      <c r="N204" s="256"/>
      <c r="O204" s="256"/>
      <c r="P204" s="256"/>
      <c r="Q204" s="256"/>
    </row>
    <row r="205" spans="2:17" ht="24" customHeight="1" x14ac:dyDescent="0.2">
      <c r="B205" s="12" t="s">
        <v>6</v>
      </c>
      <c r="C205" s="357" t="s">
        <v>249</v>
      </c>
      <c r="D205" s="357"/>
      <c r="E205" s="357"/>
      <c r="F205" s="357"/>
      <c r="G205" s="357"/>
      <c r="H205" s="357"/>
      <c r="I205" s="357"/>
      <c r="J205" s="23" t="s">
        <v>81</v>
      </c>
      <c r="K205" s="256" t="str">
        <f>IF($D$14="","TBC",$D$14)</f>
        <v>TBC</v>
      </c>
      <c r="L205" s="256"/>
      <c r="M205" s="256"/>
      <c r="N205" s="256"/>
      <c r="O205" s="256"/>
      <c r="P205" s="256"/>
      <c r="Q205" s="256"/>
    </row>
    <row r="206" spans="2:17" ht="72" customHeight="1" x14ac:dyDescent="0.2">
      <c r="B206" s="12" t="s">
        <v>53</v>
      </c>
      <c r="C206" s="259" t="s">
        <v>250</v>
      </c>
      <c r="D206" s="259"/>
      <c r="E206" s="259"/>
      <c r="F206" s="259"/>
      <c r="G206" s="259"/>
      <c r="H206" s="259"/>
      <c r="I206" s="259"/>
      <c r="J206" s="259"/>
      <c r="K206" s="259"/>
      <c r="L206" s="259"/>
      <c r="M206" s="259"/>
      <c r="N206" s="259"/>
      <c r="O206" s="259"/>
      <c r="P206" s="259"/>
      <c r="Q206" s="259"/>
    </row>
    <row r="207" spans="2:17" ht="17.850000000000001" customHeight="1" x14ac:dyDescent="0.2">
      <c r="B207" s="75"/>
      <c r="C207" s="75"/>
      <c r="D207" s="75"/>
      <c r="E207" s="75"/>
      <c r="F207" s="75"/>
      <c r="G207" s="75"/>
      <c r="H207" s="75"/>
      <c r="I207" s="75"/>
      <c r="J207" s="75"/>
      <c r="K207" s="75"/>
      <c r="L207" s="75"/>
      <c r="M207" s="75"/>
      <c r="N207" s="75"/>
      <c r="O207" s="75"/>
      <c r="P207" s="75"/>
      <c r="Q207" s="75"/>
    </row>
    <row r="208" spans="2:17" ht="36" customHeight="1" x14ac:dyDescent="0.2">
      <c r="B208" s="257" t="s">
        <v>139</v>
      </c>
      <c r="C208" s="257"/>
      <c r="D208" s="257"/>
      <c r="E208" s="257"/>
      <c r="F208" s="257"/>
      <c r="G208" s="257"/>
      <c r="H208" s="257"/>
      <c r="I208" s="257"/>
      <c r="J208" s="257"/>
      <c r="K208" s="257"/>
      <c r="L208" s="257"/>
      <c r="M208" s="257"/>
      <c r="N208" s="257"/>
      <c r="O208" s="257"/>
      <c r="P208" s="257"/>
      <c r="Q208" s="257"/>
    </row>
    <row r="209" spans="2:17" ht="24" customHeight="1" x14ac:dyDescent="0.2">
      <c r="B209" s="358"/>
      <c r="C209" s="359"/>
      <c r="D209" s="359"/>
      <c r="E209" s="359"/>
      <c r="F209" s="359"/>
      <c r="G209" s="359"/>
      <c r="H209" s="359"/>
      <c r="I209" s="359"/>
      <c r="J209" s="359"/>
      <c r="K209" s="359"/>
      <c r="L209" s="359"/>
      <c r="M209" s="359"/>
      <c r="N209" s="359"/>
      <c r="O209" s="359"/>
      <c r="P209" s="359"/>
      <c r="Q209" s="360"/>
    </row>
    <row r="210" spans="2:17" ht="72" customHeight="1" x14ac:dyDescent="0.2">
      <c r="B210" s="361"/>
      <c r="C210" s="362"/>
      <c r="D210" s="362"/>
      <c r="E210" s="362"/>
      <c r="F210" s="362"/>
      <c r="G210" s="362"/>
      <c r="H210" s="362"/>
      <c r="I210" s="362"/>
      <c r="J210" s="362"/>
      <c r="K210" s="362"/>
      <c r="L210" s="362"/>
      <c r="M210" s="362"/>
      <c r="N210" s="362"/>
      <c r="O210" s="362"/>
      <c r="P210" s="362"/>
      <c r="Q210" s="363"/>
    </row>
    <row r="211" spans="2:17" ht="83.1" customHeight="1" x14ac:dyDescent="0.2">
      <c r="B211" s="364"/>
      <c r="C211" s="365"/>
      <c r="D211" s="365"/>
      <c r="E211" s="365"/>
      <c r="F211" s="365"/>
      <c r="G211" s="365"/>
      <c r="H211" s="365"/>
      <c r="I211" s="365"/>
      <c r="J211" s="365"/>
      <c r="K211" s="365"/>
      <c r="L211" s="365"/>
      <c r="M211" s="365"/>
      <c r="N211" s="365"/>
      <c r="O211" s="365"/>
      <c r="P211" s="365"/>
      <c r="Q211" s="366"/>
    </row>
    <row r="212" spans="2:17" ht="30" customHeight="1" x14ac:dyDescent="0.2">
      <c r="B212" s="80"/>
      <c r="C212" s="80"/>
      <c r="D212" s="80"/>
      <c r="E212" s="80"/>
      <c r="F212" s="80"/>
      <c r="G212" s="80"/>
      <c r="H212" s="80"/>
      <c r="I212" s="80"/>
      <c r="J212" s="80"/>
      <c r="K212" s="80"/>
      <c r="L212" s="80"/>
      <c r="M212" s="80"/>
      <c r="N212" s="80"/>
      <c r="O212" s="80"/>
      <c r="P212" s="80"/>
      <c r="Q212" s="80"/>
    </row>
    <row r="213" spans="2:17" ht="30" customHeight="1" x14ac:dyDescent="0.2">
      <c r="B213" s="282" t="s">
        <v>97</v>
      </c>
      <c r="C213" s="283"/>
      <c r="D213" s="283"/>
      <c r="E213" s="283"/>
      <c r="F213" s="283"/>
      <c r="G213" s="283"/>
      <c r="H213" s="283"/>
      <c r="I213" s="283"/>
      <c r="J213" s="283"/>
      <c r="K213" s="283"/>
      <c r="L213" s="283"/>
      <c r="M213" s="283"/>
      <c r="N213" s="283"/>
      <c r="O213" s="283"/>
      <c r="P213" s="283"/>
      <c r="Q213" s="245"/>
    </row>
    <row r="214" spans="2:17" ht="30" customHeight="1" x14ac:dyDescent="0.2">
      <c r="B214" s="282" t="s">
        <v>98</v>
      </c>
      <c r="C214" s="283"/>
      <c r="D214" s="283"/>
      <c r="E214" s="283"/>
      <c r="F214" s="283"/>
      <c r="G214" s="283"/>
      <c r="H214" s="283"/>
      <c r="I214" s="283"/>
      <c r="J214" s="283"/>
      <c r="K214" s="283"/>
      <c r="L214" s="283"/>
      <c r="M214" s="283"/>
      <c r="N214" s="283"/>
      <c r="O214" s="283"/>
      <c r="P214" s="283"/>
      <c r="Q214" s="245"/>
    </row>
    <row r="215" spans="2:17" ht="159.6" customHeight="1" x14ac:dyDescent="0.2">
      <c r="B215" s="281"/>
      <c r="C215" s="281"/>
      <c r="D215" s="281"/>
      <c r="E215" s="281"/>
      <c r="F215" s="281"/>
      <c r="G215" s="281"/>
      <c r="H215" s="281"/>
      <c r="I215" s="281"/>
      <c r="J215" s="281"/>
      <c r="K215" s="281"/>
      <c r="L215" s="281"/>
      <c r="M215" s="281"/>
      <c r="N215" s="281"/>
      <c r="O215" s="281"/>
      <c r="P215" s="281"/>
      <c r="Q215" s="281"/>
    </row>
    <row r="216" spans="2:17" ht="22.5" customHeight="1" x14ac:dyDescent="0.2">
      <c r="B216" s="282" t="s">
        <v>112</v>
      </c>
      <c r="C216" s="283"/>
      <c r="D216" s="283"/>
      <c r="E216" s="283"/>
      <c r="F216" s="283"/>
      <c r="G216" s="283"/>
      <c r="H216" s="283"/>
      <c r="I216" s="283"/>
      <c r="J216" s="283"/>
      <c r="K216" s="283"/>
      <c r="L216" s="283"/>
      <c r="M216" s="283"/>
      <c r="N216" s="283"/>
      <c r="O216" s="283"/>
      <c r="P216" s="283"/>
      <c r="Q216" s="245"/>
    </row>
    <row r="217" spans="2:17" ht="22.5" customHeight="1" x14ac:dyDescent="0.2">
      <c r="B217" s="40"/>
      <c r="C217" s="81"/>
      <c r="D217" s="81"/>
      <c r="E217" s="81"/>
      <c r="F217" s="81"/>
      <c r="G217" s="81"/>
      <c r="H217" s="81"/>
      <c r="I217" s="81"/>
      <c r="J217" s="81"/>
      <c r="K217" s="81"/>
      <c r="L217" s="81"/>
      <c r="M217" s="81"/>
      <c r="N217" s="81"/>
      <c r="O217" s="90"/>
      <c r="P217" s="81"/>
      <c r="Q217" s="82"/>
    </row>
    <row r="218" spans="2:17" ht="22.5" customHeight="1" x14ac:dyDescent="0.2">
      <c r="B218" s="282" t="s">
        <v>113</v>
      </c>
      <c r="C218" s="284"/>
      <c r="D218" s="284"/>
      <c r="E218" s="284"/>
      <c r="F218" s="284"/>
      <c r="G218" s="284"/>
      <c r="H218" s="284"/>
      <c r="I218" s="284"/>
      <c r="J218" s="244"/>
      <c r="K218" s="283"/>
      <c r="L218" s="283"/>
      <c r="M218" s="283"/>
      <c r="N218" s="283"/>
      <c r="O218" s="283"/>
      <c r="P218" s="283"/>
      <c r="Q218" s="245"/>
    </row>
    <row r="219" spans="2:17" ht="22.5" customHeight="1" x14ac:dyDescent="0.2">
      <c r="B219" s="282" t="s">
        <v>152</v>
      </c>
      <c r="C219" s="284"/>
      <c r="D219" s="284"/>
      <c r="E219" s="284"/>
      <c r="F219" s="284"/>
      <c r="G219" s="284"/>
      <c r="H219" s="284"/>
      <c r="I219" s="284"/>
      <c r="J219" s="280"/>
      <c r="K219" s="280"/>
      <c r="L219" s="280"/>
      <c r="M219" s="280"/>
      <c r="N219" s="280"/>
      <c r="O219" s="280"/>
      <c r="P219" s="280"/>
      <c r="Q219" s="280"/>
    </row>
    <row r="220" spans="2:17" ht="30" customHeight="1" x14ac:dyDescent="0.2">
      <c r="B220" s="282" t="s">
        <v>99</v>
      </c>
      <c r="C220" s="284"/>
      <c r="D220" s="284"/>
      <c r="E220" s="284"/>
      <c r="F220" s="284"/>
      <c r="G220" s="284"/>
      <c r="H220" s="284"/>
      <c r="I220" s="284"/>
      <c r="J220" s="284"/>
      <c r="K220" s="284"/>
      <c r="L220" s="284"/>
      <c r="M220" s="284"/>
      <c r="N220" s="284"/>
      <c r="O220" s="284"/>
      <c r="P220" s="284"/>
      <c r="Q220" s="285"/>
    </row>
    <row r="221" spans="2:17" ht="30" customHeight="1" x14ac:dyDescent="0.2">
      <c r="B221" s="268" t="s">
        <v>100</v>
      </c>
      <c r="C221" s="268"/>
      <c r="D221" s="268" t="s">
        <v>6</v>
      </c>
      <c r="E221" s="268"/>
      <c r="F221" s="268"/>
      <c r="G221" s="268"/>
      <c r="H221" s="268"/>
      <c r="I221" s="39" t="s">
        <v>3</v>
      </c>
      <c r="J221" s="268" t="s">
        <v>77</v>
      </c>
      <c r="K221" s="268"/>
      <c r="L221" s="268"/>
      <c r="M221" s="268"/>
      <c r="N221" s="268"/>
      <c r="O221" s="268"/>
      <c r="P221" s="268"/>
      <c r="Q221" s="39" t="s">
        <v>101</v>
      </c>
    </row>
    <row r="222" spans="2:17" ht="30" customHeight="1" x14ac:dyDescent="0.2">
      <c r="B222" s="280"/>
      <c r="C222" s="280"/>
      <c r="D222" s="280" t="s">
        <v>102</v>
      </c>
      <c r="E222" s="280"/>
      <c r="F222" s="280"/>
      <c r="G222" s="280"/>
      <c r="H222" s="280"/>
      <c r="I222" s="133">
        <v>44343</v>
      </c>
      <c r="J222" s="281" t="s">
        <v>252</v>
      </c>
      <c r="K222" s="281"/>
      <c r="L222" s="281"/>
      <c r="M222" s="281"/>
      <c r="N222" s="281"/>
      <c r="O222" s="281"/>
      <c r="P222" s="281"/>
      <c r="Q222" s="83" t="s">
        <v>253</v>
      </c>
    </row>
    <row r="223" spans="2:17" ht="30" customHeight="1" x14ac:dyDescent="0.2">
      <c r="B223" s="278"/>
      <c r="C223" s="279"/>
      <c r="D223" s="280" t="s">
        <v>103</v>
      </c>
      <c r="E223" s="280"/>
      <c r="F223" s="280"/>
      <c r="G223" s="280"/>
      <c r="H223" s="280"/>
      <c r="I223" s="83"/>
      <c r="J223" s="281"/>
      <c r="K223" s="281"/>
      <c r="L223" s="281"/>
      <c r="M223" s="281"/>
      <c r="N223" s="281"/>
      <c r="O223" s="281"/>
      <c r="P223" s="281"/>
      <c r="Q223" s="83"/>
    </row>
    <row r="224" spans="2:17" ht="30" customHeight="1" x14ac:dyDescent="0.2">
      <c r="B224" s="278"/>
      <c r="C224" s="279"/>
      <c r="D224" s="280" t="s">
        <v>251</v>
      </c>
      <c r="E224" s="280"/>
      <c r="F224" s="280"/>
      <c r="G224" s="280"/>
      <c r="H224" s="280"/>
      <c r="I224" s="83"/>
      <c r="J224" s="281"/>
      <c r="K224" s="281"/>
      <c r="L224" s="281"/>
      <c r="M224" s="281"/>
      <c r="N224" s="281"/>
      <c r="O224" s="281"/>
      <c r="P224" s="281"/>
      <c r="Q224" s="83"/>
    </row>
    <row r="225" spans="2:18" ht="24" customHeight="1" x14ac:dyDescent="0.2">
      <c r="B225" s="16"/>
      <c r="C225" s="16"/>
      <c r="D225" s="16"/>
      <c r="E225" s="16"/>
      <c r="F225" s="16"/>
      <c r="G225" s="16"/>
      <c r="H225" s="16"/>
      <c r="I225" s="16"/>
      <c r="J225" s="16"/>
      <c r="K225" s="16"/>
      <c r="L225" s="16"/>
      <c r="M225" s="16"/>
      <c r="N225" s="16"/>
      <c r="O225" s="16"/>
      <c r="P225" s="16"/>
      <c r="Q225" s="16"/>
    </row>
    <row r="226" spans="2:18" ht="39.75" customHeight="1" thickBot="1" x14ac:dyDescent="0.25">
      <c r="B226" s="371" t="s">
        <v>140</v>
      </c>
      <c r="C226" s="372"/>
      <c r="D226" s="372"/>
      <c r="E226" s="372"/>
      <c r="F226" s="372"/>
      <c r="G226" s="372"/>
      <c r="H226" s="372"/>
      <c r="I226" s="372"/>
      <c r="J226" s="372"/>
      <c r="K226" s="372"/>
      <c r="L226" s="372"/>
      <c r="M226" s="373"/>
      <c r="N226" s="373"/>
      <c r="O226" s="373"/>
      <c r="P226" s="373"/>
      <c r="Q226" s="374"/>
    </row>
    <row r="227" spans="2:18" ht="68.25" customHeight="1" x14ac:dyDescent="0.2">
      <c r="B227" s="266" t="s">
        <v>10</v>
      </c>
      <c r="C227" s="266" t="s">
        <v>11</v>
      </c>
      <c r="D227" s="266" t="s">
        <v>25</v>
      </c>
      <c r="E227" s="266"/>
      <c r="F227" s="266"/>
      <c r="G227" s="266"/>
      <c r="H227" s="267" t="s">
        <v>12</v>
      </c>
      <c r="I227" s="287" t="s">
        <v>150</v>
      </c>
      <c r="J227" s="288"/>
      <c r="K227" s="287" t="s">
        <v>151</v>
      </c>
      <c r="L227" s="288"/>
      <c r="M227" s="273" t="s">
        <v>168</v>
      </c>
      <c r="N227" s="286" t="s">
        <v>60</v>
      </c>
      <c r="O227" s="286" t="s">
        <v>149</v>
      </c>
      <c r="P227" s="290" t="s">
        <v>61</v>
      </c>
      <c r="Q227" s="286" t="s">
        <v>77</v>
      </c>
    </row>
    <row r="228" spans="2:18" ht="78" customHeight="1" x14ac:dyDescent="0.2">
      <c r="B228" s="257"/>
      <c r="C228" s="257"/>
      <c r="D228" s="39" t="s">
        <v>108</v>
      </c>
      <c r="E228" s="39" t="s">
        <v>109</v>
      </c>
      <c r="F228" s="39" t="s">
        <v>110</v>
      </c>
      <c r="G228" s="39" t="s">
        <v>111</v>
      </c>
      <c r="H228" s="268"/>
      <c r="I228" s="271"/>
      <c r="J228" s="272"/>
      <c r="K228" s="271"/>
      <c r="L228" s="272"/>
      <c r="M228" s="274"/>
      <c r="N228" s="266"/>
      <c r="O228" s="266"/>
      <c r="P228" s="276"/>
      <c r="Q228" s="266"/>
      <c r="R228" s="26" t="s">
        <v>62</v>
      </c>
    </row>
    <row r="229" spans="2:18" ht="78" customHeight="1" x14ac:dyDescent="0.2">
      <c r="B229" s="68" t="str">
        <f t="shared" ref="B229:H229" si="0">B31</f>
        <v>N1</v>
      </c>
      <c r="C229" s="68" t="str">
        <f t="shared" si="0"/>
        <v>01S</v>
      </c>
      <c r="D229" s="68" t="str">
        <f t="shared" si="0"/>
        <v>0000-B</v>
      </c>
      <c r="E229" s="68">
        <f t="shared" si="0"/>
        <v>0</v>
      </c>
      <c r="F229" s="68" t="str">
        <f t="shared" si="0"/>
        <v>0000-B</v>
      </c>
      <c r="G229" s="63">
        <f t="shared" si="0"/>
        <v>0.43</v>
      </c>
      <c r="H229" s="63">
        <f t="shared" si="0"/>
        <v>0.43</v>
      </c>
      <c r="I229" s="137" t="s">
        <v>422</v>
      </c>
      <c r="J229" s="137" t="s">
        <v>423</v>
      </c>
      <c r="K229" s="244" t="str">
        <f t="shared" ref="K229:K238" si="1">I31</f>
        <v>Urban state highway with a straight alignment, a commercial big box of Picton</v>
      </c>
      <c r="L229" s="245"/>
      <c r="M229" s="134">
        <f>M31</f>
        <v>0</v>
      </c>
      <c r="N229" s="123">
        <f t="shared" ref="N229:N238" si="2">J31</f>
        <v>50</v>
      </c>
      <c r="O229" s="201"/>
      <c r="P229" s="135">
        <f>P31</f>
        <v>40</v>
      </c>
      <c r="Q229" s="202"/>
    </row>
    <row r="230" spans="2:18" ht="78" customHeight="1" x14ac:dyDescent="0.2">
      <c r="B230" s="68" t="str">
        <f t="shared" ref="B230:H230" si="3">B32</f>
        <v>N2</v>
      </c>
      <c r="C230" s="68" t="str">
        <f t="shared" si="3"/>
        <v>01S</v>
      </c>
      <c r="D230" s="68" t="str">
        <f t="shared" si="3"/>
        <v>0000-B</v>
      </c>
      <c r="E230" s="68">
        <f t="shared" si="3"/>
        <v>0.43</v>
      </c>
      <c r="F230" s="68" t="str">
        <f t="shared" si="3"/>
        <v>0000-B</v>
      </c>
      <c r="G230" s="63">
        <f t="shared" si="3"/>
        <v>0.66600000000000004</v>
      </c>
      <c r="H230" s="63">
        <f t="shared" si="3"/>
        <v>0.23600000000000004</v>
      </c>
      <c r="I230" s="137" t="s">
        <v>423</v>
      </c>
      <c r="J230" s="137" t="s">
        <v>424</v>
      </c>
      <c r="K230" s="244" t="str">
        <f t="shared" si="1"/>
        <v>Urban state highway with a curved alignment, Picton</v>
      </c>
      <c r="L230" s="245"/>
      <c r="M230" s="134">
        <f t="shared" ref="M230:M238" si="4">M32</f>
        <v>0</v>
      </c>
      <c r="N230" s="123">
        <f t="shared" si="2"/>
        <v>50</v>
      </c>
      <c r="O230" s="201"/>
      <c r="P230" s="135">
        <f t="shared" ref="P230:P238" si="5">P32</f>
        <v>50</v>
      </c>
      <c r="Q230" s="202"/>
    </row>
    <row r="231" spans="2:18" ht="78" customHeight="1" x14ac:dyDescent="0.2">
      <c r="B231" s="68" t="str">
        <f t="shared" ref="B231:H231" si="6">B33</f>
        <v>N3</v>
      </c>
      <c r="C231" s="68" t="str">
        <f t="shared" si="6"/>
        <v>01S</v>
      </c>
      <c r="D231" s="68" t="str">
        <f t="shared" si="6"/>
        <v>0000-B</v>
      </c>
      <c r="E231" s="68">
        <f t="shared" si="6"/>
        <v>0.66600000000000004</v>
      </c>
      <c r="F231" s="68" t="str">
        <f t="shared" si="6"/>
        <v>0000-B</v>
      </c>
      <c r="G231" s="63">
        <f t="shared" si="6"/>
        <v>2.008</v>
      </c>
      <c r="H231" s="63">
        <f t="shared" si="6"/>
        <v>1.3420000000000001</v>
      </c>
      <c r="I231" s="137" t="s">
        <v>424</v>
      </c>
      <c r="J231" s="137" t="s">
        <v>425</v>
      </c>
      <c r="K231" s="244" t="str">
        <f t="shared" si="1"/>
        <v>Urban state highway with a straight  alignment, Picton</v>
      </c>
      <c r="L231" s="245"/>
      <c r="M231" s="134">
        <f t="shared" si="4"/>
        <v>0</v>
      </c>
      <c r="N231" s="123">
        <f t="shared" si="2"/>
        <v>50</v>
      </c>
      <c r="O231" s="201"/>
      <c r="P231" s="135">
        <f t="shared" si="5"/>
        <v>50</v>
      </c>
      <c r="Q231" s="202"/>
    </row>
    <row r="232" spans="2:18" ht="78" customHeight="1" x14ac:dyDescent="0.2">
      <c r="B232" s="68" t="str">
        <f t="shared" ref="B232:H232" si="7">B34</f>
        <v>N4</v>
      </c>
      <c r="C232" s="68" t="str">
        <f t="shared" si="7"/>
        <v>01S</v>
      </c>
      <c r="D232" s="68" t="str">
        <f t="shared" si="7"/>
        <v>0000-B</v>
      </c>
      <c r="E232" s="68">
        <f t="shared" si="7"/>
        <v>2.008</v>
      </c>
      <c r="F232" s="68" t="str">
        <f t="shared" si="7"/>
        <v>0000-B</v>
      </c>
      <c r="G232" s="63">
        <f t="shared" si="7"/>
        <v>5.29</v>
      </c>
      <c r="H232" s="63">
        <f t="shared" si="7"/>
        <v>3.282</v>
      </c>
      <c r="I232" s="137" t="s">
        <v>425</v>
      </c>
      <c r="J232" s="137" t="s">
        <v>426</v>
      </c>
      <c r="K232" s="244" t="str">
        <f t="shared" si="1"/>
        <v>Rural state highway with a curved alignment between Picton and Koromiko</v>
      </c>
      <c r="L232" s="245"/>
      <c r="M232" s="134">
        <f t="shared" si="4"/>
        <v>0.11</v>
      </c>
      <c r="N232" s="123">
        <f t="shared" si="2"/>
        <v>100</v>
      </c>
      <c r="O232" s="201"/>
      <c r="P232" s="135">
        <f t="shared" si="5"/>
        <v>80</v>
      </c>
      <c r="Q232" s="202"/>
    </row>
    <row r="233" spans="2:18" ht="78" customHeight="1" x14ac:dyDescent="0.2">
      <c r="B233" s="68" t="str">
        <f t="shared" ref="B233:H233" si="8">B35</f>
        <v>N5</v>
      </c>
      <c r="C233" s="68" t="str">
        <f t="shared" si="8"/>
        <v>01S</v>
      </c>
      <c r="D233" s="68" t="str">
        <f t="shared" si="8"/>
        <v>0000-B</v>
      </c>
      <c r="E233" s="68">
        <f t="shared" si="8"/>
        <v>5.29</v>
      </c>
      <c r="F233" s="68" t="str">
        <f t="shared" si="8"/>
        <v>0000-B</v>
      </c>
      <c r="G233" s="63">
        <f t="shared" si="8"/>
        <v>6.6820000000000004</v>
      </c>
      <c r="H233" s="63">
        <f t="shared" si="8"/>
        <v>1.3920000000000003</v>
      </c>
      <c r="I233" s="137" t="s">
        <v>426</v>
      </c>
      <c r="J233" s="137" t="s">
        <v>427</v>
      </c>
      <c r="K233" s="244" t="str">
        <f t="shared" si="1"/>
        <v>Rural state highway with a straight and gentle alignment between Picton and Koromiko</v>
      </c>
      <c r="L233" s="245"/>
      <c r="M233" s="134">
        <f t="shared" si="4"/>
        <v>0.1</v>
      </c>
      <c r="N233" s="123">
        <f t="shared" si="2"/>
        <v>100</v>
      </c>
      <c r="O233" s="201"/>
      <c r="P233" s="135">
        <f t="shared" si="5"/>
        <v>80</v>
      </c>
      <c r="Q233" s="202"/>
    </row>
    <row r="234" spans="2:18" ht="78" customHeight="1" x14ac:dyDescent="0.2">
      <c r="B234" s="68" t="str">
        <f t="shared" ref="B234:H234" si="9">B36</f>
        <v>N6</v>
      </c>
      <c r="C234" s="68" t="str">
        <f t="shared" si="9"/>
        <v>01S</v>
      </c>
      <c r="D234" s="68" t="str">
        <f t="shared" si="9"/>
        <v>0000-B</v>
      </c>
      <c r="E234" s="68">
        <f t="shared" si="9"/>
        <v>6.6820000000000004</v>
      </c>
      <c r="F234" s="68" t="str">
        <f t="shared" si="9"/>
        <v>0000-B</v>
      </c>
      <c r="G234" s="63">
        <f t="shared" si="9"/>
        <v>7.83</v>
      </c>
      <c r="H234" s="63">
        <f t="shared" si="9"/>
        <v>1.1479999999999997</v>
      </c>
      <c r="I234" s="137" t="s">
        <v>427</v>
      </c>
      <c r="J234" s="137" t="s">
        <v>428</v>
      </c>
      <c r="K234" s="244" t="str">
        <f t="shared" si="1"/>
        <v>Rural state highway with a straight and gentle alignment through Koromiko which is a rural residential area with relatively more accesses than other rural residential sections</v>
      </c>
      <c r="L234" s="245"/>
      <c r="M234" s="134">
        <f t="shared" si="4"/>
        <v>0.03</v>
      </c>
      <c r="N234" s="123">
        <f t="shared" si="2"/>
        <v>100</v>
      </c>
      <c r="O234" s="201"/>
      <c r="P234" s="135">
        <f t="shared" si="5"/>
        <v>80</v>
      </c>
      <c r="Q234" s="202"/>
    </row>
    <row r="235" spans="2:18" ht="78" customHeight="1" x14ac:dyDescent="0.2">
      <c r="B235" s="68" t="str">
        <f t="shared" ref="B235:H235" si="10">B37</f>
        <v>N7</v>
      </c>
      <c r="C235" s="68" t="str">
        <f t="shared" si="10"/>
        <v>01S</v>
      </c>
      <c r="D235" s="68" t="str">
        <f t="shared" si="10"/>
        <v>0000-B</v>
      </c>
      <c r="E235" s="68">
        <f t="shared" si="10"/>
        <v>7.83</v>
      </c>
      <c r="F235" s="68" t="str">
        <f t="shared" si="10"/>
        <v>0018-B</v>
      </c>
      <c r="G235" s="63">
        <f t="shared" si="10"/>
        <v>0.69899999999999995</v>
      </c>
      <c r="H235" s="63">
        <f t="shared" si="10"/>
        <v>10.516999999999999</v>
      </c>
      <c r="I235" s="137" t="s">
        <v>428</v>
      </c>
      <c r="J235" s="137" t="s">
        <v>429</v>
      </c>
      <c r="K235" s="244" t="str">
        <f t="shared" si="1"/>
        <v>Rural state highway with a curved alignment between Koromiko and Tuamarina</v>
      </c>
      <c r="L235" s="245"/>
      <c r="M235" s="134">
        <f t="shared" si="4"/>
        <v>0.46</v>
      </c>
      <c r="N235" s="123">
        <f t="shared" si="2"/>
        <v>100</v>
      </c>
      <c r="O235" s="201"/>
      <c r="P235" s="135">
        <f t="shared" si="5"/>
        <v>80</v>
      </c>
      <c r="Q235" s="202"/>
    </row>
    <row r="236" spans="2:18" ht="78" customHeight="1" x14ac:dyDescent="0.2">
      <c r="B236" s="68" t="str">
        <f t="shared" ref="B236:H236" si="11">B38</f>
        <v>N8</v>
      </c>
      <c r="C236" s="68" t="str">
        <f t="shared" si="11"/>
        <v>01S</v>
      </c>
      <c r="D236" s="68" t="str">
        <f t="shared" si="11"/>
        <v>0018-B</v>
      </c>
      <c r="E236" s="68">
        <f t="shared" si="11"/>
        <v>0.69899999999999995</v>
      </c>
      <c r="F236" s="68" t="str">
        <f t="shared" si="11"/>
        <v>0018-B</v>
      </c>
      <c r="G236" s="63">
        <f t="shared" si="11"/>
        <v>1.407</v>
      </c>
      <c r="H236" s="63">
        <f t="shared" si="11"/>
        <v>0.70800000000000007</v>
      </c>
      <c r="I236" s="137" t="s">
        <v>429</v>
      </c>
      <c r="J236" s="137" t="s">
        <v>430</v>
      </c>
      <c r="K236" s="244" t="str">
        <f t="shared" si="1"/>
        <v>Rural state highway with a curved alignment through Tuamarina which is a rural town</v>
      </c>
      <c r="L236" s="245"/>
      <c r="M236" s="134">
        <f t="shared" si="4"/>
        <v>0.04</v>
      </c>
      <c r="N236" s="123">
        <f t="shared" si="2"/>
        <v>80</v>
      </c>
      <c r="O236" s="201"/>
      <c r="P236" s="135">
        <f t="shared" si="5"/>
        <v>60</v>
      </c>
      <c r="Q236" s="202"/>
    </row>
    <row r="237" spans="2:18" ht="78" customHeight="1" x14ac:dyDescent="0.2">
      <c r="B237" s="68" t="str">
        <f t="shared" ref="B237:H237" si="12">B39</f>
        <v>N8A</v>
      </c>
      <c r="C237" s="68" t="str">
        <f t="shared" si="12"/>
        <v>01S</v>
      </c>
      <c r="D237" s="68" t="str">
        <f t="shared" si="12"/>
        <v>0018-B</v>
      </c>
      <c r="E237" s="68">
        <f t="shared" si="12"/>
        <v>1.0680000000000001</v>
      </c>
      <c r="F237" s="68" t="str">
        <f t="shared" si="12"/>
        <v>0018-B</v>
      </c>
      <c r="G237" s="63">
        <f t="shared" si="12"/>
        <v>1.31</v>
      </c>
      <c r="H237" s="63">
        <f t="shared" si="12"/>
        <v>0.24199999999999999</v>
      </c>
      <c r="I237" s="137" t="s">
        <v>431</v>
      </c>
      <c r="J237" s="137" t="s">
        <v>432</v>
      </c>
      <c r="K237" s="244" t="str">
        <f t="shared" si="1"/>
        <v>Existing Tua Marina School Zone with active LED school warning signs
Subsection of section N8</v>
      </c>
      <c r="L237" s="245"/>
      <c r="M237" s="134" t="str">
        <f t="shared" si="4"/>
        <v>N/A</v>
      </c>
      <c r="N237" s="123">
        <f t="shared" si="2"/>
        <v>80</v>
      </c>
      <c r="O237" s="201"/>
      <c r="P237" s="135">
        <f t="shared" si="5"/>
        <v>60</v>
      </c>
      <c r="Q237" s="202"/>
    </row>
    <row r="238" spans="2:18" ht="78" customHeight="1" x14ac:dyDescent="0.2">
      <c r="B238" s="68" t="str">
        <f t="shared" ref="B238:H238" si="13">B40</f>
        <v>N9</v>
      </c>
      <c r="C238" s="68" t="str">
        <f t="shared" si="13"/>
        <v>01S</v>
      </c>
      <c r="D238" s="68" t="str">
        <f t="shared" si="13"/>
        <v>0018-B</v>
      </c>
      <c r="E238" s="68">
        <f t="shared" si="13"/>
        <v>1.407</v>
      </c>
      <c r="F238" s="68" t="str">
        <f t="shared" si="13"/>
        <v>0018-B</v>
      </c>
      <c r="G238" s="63">
        <f t="shared" si="13"/>
        <v>4.29</v>
      </c>
      <c r="H238" s="63">
        <f t="shared" si="13"/>
        <v>2.883</v>
      </c>
      <c r="I238" s="137" t="s">
        <v>430</v>
      </c>
      <c r="J238" s="137" t="s">
        <v>254</v>
      </c>
      <c r="K238" s="244" t="str">
        <f t="shared" si="1"/>
        <v>Rural state highway with a straight alignment between Tuamarina and Spring Creek</v>
      </c>
      <c r="L238" s="245"/>
      <c r="M238" s="134">
        <f t="shared" si="4"/>
        <v>0</v>
      </c>
      <c r="N238" s="123">
        <f t="shared" si="2"/>
        <v>100</v>
      </c>
      <c r="O238" s="201"/>
      <c r="P238" s="135">
        <f t="shared" si="5"/>
        <v>100</v>
      </c>
      <c r="Q238" s="202"/>
    </row>
    <row r="239" spans="2:18" ht="78" customHeight="1" x14ac:dyDescent="0.2">
      <c r="B239" s="68">
        <f t="shared" ref="B239:H248" si="14">B41</f>
        <v>1</v>
      </c>
      <c r="C239" s="68" t="str">
        <f t="shared" si="14"/>
        <v>01S</v>
      </c>
      <c r="D239" s="68" t="str">
        <f t="shared" si="14"/>
        <v>0018-B</v>
      </c>
      <c r="E239" s="68">
        <f t="shared" si="14"/>
        <v>4.29</v>
      </c>
      <c r="F239" s="68" t="str">
        <f t="shared" si="14"/>
        <v>0018-B</v>
      </c>
      <c r="G239" s="63">
        <f t="shared" si="14"/>
        <v>4.8940000000000001</v>
      </c>
      <c r="H239" s="63">
        <f t="shared" si="14"/>
        <v>0.6</v>
      </c>
      <c r="I239" s="137" t="s">
        <v>254</v>
      </c>
      <c r="J239" s="137" t="s">
        <v>255</v>
      </c>
      <c r="K239" s="244" t="str">
        <f t="shared" ref="K239:K256" si="15">I41</f>
        <v>Rural state highway with a straight alignment between Tuamarina and Spring Creek</v>
      </c>
      <c r="L239" s="245"/>
      <c r="M239" s="134">
        <v>0.01</v>
      </c>
      <c r="N239" s="123">
        <f t="shared" ref="N239:N256" si="16">J41</f>
        <v>70</v>
      </c>
      <c r="O239" s="113"/>
      <c r="P239" s="135">
        <f t="shared" ref="P239:P256" si="17">P41</f>
        <v>60</v>
      </c>
      <c r="Q239" s="136"/>
    </row>
    <row r="240" spans="2:18" ht="78" customHeight="1" x14ac:dyDescent="0.2">
      <c r="B240" s="63">
        <f t="shared" si="14"/>
        <v>2</v>
      </c>
      <c r="C240" s="63" t="str">
        <f t="shared" si="14"/>
        <v>01S</v>
      </c>
      <c r="D240" s="63" t="str">
        <f t="shared" si="14"/>
        <v>0018-B</v>
      </c>
      <c r="E240" s="63">
        <f t="shared" si="14"/>
        <v>4.8940000000000001</v>
      </c>
      <c r="F240" s="63" t="str">
        <f t="shared" si="14"/>
        <v>0018-B</v>
      </c>
      <c r="G240" s="63">
        <f t="shared" si="14"/>
        <v>6.8</v>
      </c>
      <c r="H240" s="63">
        <f t="shared" si="14"/>
        <v>1.91</v>
      </c>
      <c r="I240" s="137" t="s">
        <v>255</v>
      </c>
      <c r="J240" s="137" t="s">
        <v>256</v>
      </c>
      <c r="K240" s="244" t="str">
        <f t="shared" si="15"/>
        <v>Rural state highway with a straight alignment, from Spring Creek to Grovetown</v>
      </c>
      <c r="L240" s="245"/>
      <c r="M240" s="134">
        <v>0.12</v>
      </c>
      <c r="N240" s="123">
        <f t="shared" si="16"/>
        <v>100</v>
      </c>
      <c r="O240" s="113"/>
      <c r="P240" s="135">
        <f t="shared" si="17"/>
        <v>80</v>
      </c>
      <c r="Q240" s="136"/>
    </row>
    <row r="241" spans="2:18" ht="78" customHeight="1" x14ac:dyDescent="0.2">
      <c r="B241" s="63">
        <f t="shared" si="14"/>
        <v>3</v>
      </c>
      <c r="C241" s="63" t="str">
        <f t="shared" si="14"/>
        <v>01S</v>
      </c>
      <c r="D241" s="63" t="str">
        <f t="shared" si="14"/>
        <v>0018-B</v>
      </c>
      <c r="E241" s="63">
        <f t="shared" si="14"/>
        <v>6.8</v>
      </c>
      <c r="F241" s="63" t="str">
        <f t="shared" si="14"/>
        <v>0018-B</v>
      </c>
      <c r="G241" s="63">
        <f t="shared" si="14"/>
        <v>8.8249999999999993</v>
      </c>
      <c r="H241" s="63">
        <f t="shared" si="14"/>
        <v>2.0299999999999998</v>
      </c>
      <c r="I241" s="137" t="s">
        <v>256</v>
      </c>
      <c r="J241" s="137" t="s">
        <v>257</v>
      </c>
      <c r="K241" s="244" t="str">
        <f t="shared" si="15"/>
        <v>Rural state highway with a straight alignment, from Grovetown to Blenheim</v>
      </c>
      <c r="L241" s="245"/>
      <c r="M241" s="134">
        <v>0.08</v>
      </c>
      <c r="N241" s="123">
        <f t="shared" si="16"/>
        <v>100</v>
      </c>
      <c r="O241" s="113"/>
      <c r="P241" s="135">
        <f t="shared" si="17"/>
        <v>80</v>
      </c>
      <c r="Q241" s="136"/>
    </row>
    <row r="242" spans="2:18" ht="78" customHeight="1" x14ac:dyDescent="0.2">
      <c r="B242" s="63">
        <f t="shared" si="14"/>
        <v>4</v>
      </c>
      <c r="C242" s="63" t="str">
        <f t="shared" si="14"/>
        <v>01S</v>
      </c>
      <c r="D242" s="63" t="str">
        <f t="shared" si="14"/>
        <v>0018-B</v>
      </c>
      <c r="E242" s="63">
        <f t="shared" si="14"/>
        <v>8.8249999999999993</v>
      </c>
      <c r="F242" s="63" t="str">
        <f t="shared" si="14"/>
        <v>0018-B</v>
      </c>
      <c r="G242" s="63">
        <f t="shared" si="14"/>
        <v>9.3000000000000007</v>
      </c>
      <c r="H242" s="63">
        <f t="shared" si="14"/>
        <v>0.48</v>
      </c>
      <c r="I242" s="137" t="s">
        <v>257</v>
      </c>
      <c r="J242" s="137" t="s">
        <v>258</v>
      </c>
      <c r="K242" s="244" t="str">
        <f t="shared" si="15"/>
        <v xml:space="preserve">Urban state highway with a curved alignment, new Ōpaoa River Bridge </v>
      </c>
      <c r="L242" s="245"/>
      <c r="M242" s="134">
        <v>0</v>
      </c>
      <c r="N242" s="123">
        <f t="shared" si="16"/>
        <v>50</v>
      </c>
      <c r="O242" s="113"/>
      <c r="P242" s="135">
        <f t="shared" si="17"/>
        <v>50</v>
      </c>
      <c r="Q242" s="136"/>
    </row>
    <row r="243" spans="2:18" ht="78" customHeight="1" x14ac:dyDescent="0.2">
      <c r="B243" s="63">
        <f t="shared" si="14"/>
        <v>5</v>
      </c>
      <c r="C243" s="63" t="str">
        <f t="shared" si="14"/>
        <v>01S</v>
      </c>
      <c r="D243" s="63" t="str">
        <f t="shared" si="14"/>
        <v>0018-B</v>
      </c>
      <c r="E243" s="63">
        <f t="shared" si="14"/>
        <v>9.3000000000000007</v>
      </c>
      <c r="F243" s="63" t="str">
        <f t="shared" si="14"/>
        <v>0028-B</v>
      </c>
      <c r="G243" s="63">
        <f t="shared" si="14"/>
        <v>1.22</v>
      </c>
      <c r="H243" s="63">
        <f t="shared" si="14"/>
        <v>1.91</v>
      </c>
      <c r="I243" s="137" t="s">
        <v>258</v>
      </c>
      <c r="J243" s="137" t="s">
        <v>259</v>
      </c>
      <c r="K243" s="244" t="str">
        <f t="shared" si="15"/>
        <v>Urban state highway with a straight alignment, a commercial big box area of Blenheim</v>
      </c>
      <c r="L243" s="245"/>
      <c r="M243" s="134">
        <v>0.04</v>
      </c>
      <c r="N243" s="123">
        <f t="shared" si="16"/>
        <v>50</v>
      </c>
      <c r="O243" s="113"/>
      <c r="P243" s="135">
        <f t="shared" si="17"/>
        <v>40</v>
      </c>
      <c r="Q243" s="136"/>
      <c r="R243" s="138" t="s">
        <v>276</v>
      </c>
    </row>
    <row r="244" spans="2:18" ht="78" customHeight="1" x14ac:dyDescent="0.2">
      <c r="B244" s="63">
        <f t="shared" si="14"/>
        <v>6</v>
      </c>
      <c r="C244" s="63" t="str">
        <f t="shared" si="14"/>
        <v>01S</v>
      </c>
      <c r="D244" s="63" t="str">
        <f t="shared" si="14"/>
        <v>0028-B</v>
      </c>
      <c r="E244" s="63">
        <f t="shared" si="14"/>
        <v>1.22</v>
      </c>
      <c r="F244" s="63" t="str">
        <f t="shared" si="14"/>
        <v>0028-B</v>
      </c>
      <c r="G244" s="63">
        <f t="shared" si="14"/>
        <v>1.637</v>
      </c>
      <c r="H244" s="63">
        <f t="shared" si="14"/>
        <v>0.42</v>
      </c>
      <c r="I244" s="137" t="s">
        <v>259</v>
      </c>
      <c r="J244" s="137" t="s">
        <v>260</v>
      </c>
      <c r="K244" s="244" t="str">
        <f t="shared" si="15"/>
        <v>Urban state highway with a curved alignment, an urban residential area of Blenheim</v>
      </c>
      <c r="L244" s="245"/>
      <c r="M244" s="134">
        <v>0</v>
      </c>
      <c r="N244" s="123">
        <f t="shared" si="16"/>
        <v>50</v>
      </c>
      <c r="O244" s="113"/>
      <c r="P244" s="135">
        <f t="shared" si="17"/>
        <v>50</v>
      </c>
      <c r="Q244" s="136"/>
    </row>
    <row r="245" spans="2:18" ht="78" customHeight="1" x14ac:dyDescent="0.2">
      <c r="B245" s="63">
        <f t="shared" si="14"/>
        <v>7</v>
      </c>
      <c r="C245" s="63" t="str">
        <f t="shared" si="14"/>
        <v>01S</v>
      </c>
      <c r="D245" s="63" t="str">
        <f t="shared" si="14"/>
        <v>0028-B</v>
      </c>
      <c r="E245" s="63">
        <f t="shared" si="14"/>
        <v>1.637</v>
      </c>
      <c r="F245" s="63" t="str">
        <f t="shared" si="14"/>
        <v>0028-B</v>
      </c>
      <c r="G245" s="63">
        <f t="shared" si="14"/>
        <v>2.52</v>
      </c>
      <c r="H245" s="63">
        <f t="shared" si="14"/>
        <v>0.88</v>
      </c>
      <c r="I245" s="137" t="s">
        <v>260</v>
      </c>
      <c r="J245" s="137" t="s">
        <v>261</v>
      </c>
      <c r="K245" s="244" t="str">
        <f t="shared" si="15"/>
        <v>Rural state highway with a curved alignment, between Blenheim and Riverlands</v>
      </c>
      <c r="L245" s="245"/>
      <c r="M245" s="134">
        <v>0</v>
      </c>
      <c r="N245" s="123">
        <f t="shared" si="16"/>
        <v>70</v>
      </c>
      <c r="O245" s="113"/>
      <c r="P245" s="135">
        <f t="shared" si="17"/>
        <v>60</v>
      </c>
      <c r="Q245" s="136"/>
    </row>
    <row r="246" spans="2:18" ht="78" customHeight="1" x14ac:dyDescent="0.2">
      <c r="B246" s="63">
        <f t="shared" si="14"/>
        <v>8</v>
      </c>
      <c r="C246" s="63" t="str">
        <f t="shared" si="14"/>
        <v>01S</v>
      </c>
      <c r="D246" s="63" t="str">
        <f t="shared" si="14"/>
        <v>0028-B</v>
      </c>
      <c r="E246" s="63">
        <f t="shared" si="14"/>
        <v>2.52</v>
      </c>
      <c r="F246" s="63" t="str">
        <f t="shared" si="14"/>
        <v>0028-B</v>
      </c>
      <c r="G246" s="63">
        <f t="shared" si="14"/>
        <v>3.08</v>
      </c>
      <c r="H246" s="63">
        <f t="shared" si="14"/>
        <v>0.56000000000000005</v>
      </c>
      <c r="I246" s="137" t="s">
        <v>261</v>
      </c>
      <c r="J246" s="137" t="s">
        <v>262</v>
      </c>
      <c r="K246" s="244" t="str">
        <f t="shared" si="15"/>
        <v>Rural state highway with a curved alignment, Riverlands</v>
      </c>
      <c r="L246" s="245"/>
      <c r="M246" s="134">
        <v>0.02</v>
      </c>
      <c r="N246" s="123">
        <f t="shared" si="16"/>
        <v>70</v>
      </c>
      <c r="O246" s="113"/>
      <c r="P246" s="135">
        <f t="shared" si="17"/>
        <v>60</v>
      </c>
      <c r="Q246" s="136"/>
    </row>
    <row r="247" spans="2:18" ht="78" customHeight="1" x14ac:dyDescent="0.2">
      <c r="B247" s="63">
        <f t="shared" si="14"/>
        <v>9</v>
      </c>
      <c r="C247" s="63" t="str">
        <f t="shared" si="14"/>
        <v>01S</v>
      </c>
      <c r="D247" s="63" t="str">
        <f t="shared" si="14"/>
        <v>0028-B</v>
      </c>
      <c r="E247" s="63">
        <f t="shared" si="14"/>
        <v>3.08</v>
      </c>
      <c r="F247" s="63" t="str">
        <f t="shared" si="14"/>
        <v>0028-B</v>
      </c>
      <c r="G247" s="63">
        <f t="shared" si="14"/>
        <v>3.6579999999999999</v>
      </c>
      <c r="H247" s="63">
        <f t="shared" si="14"/>
        <v>0.57999999999999996</v>
      </c>
      <c r="I247" s="137" t="s">
        <v>262</v>
      </c>
      <c r="J247" s="137" t="s">
        <v>263</v>
      </c>
      <c r="K247" s="244" t="str">
        <f t="shared" si="15"/>
        <v>Rural state highway with a straight alignment, from Riverlands to Seddon</v>
      </c>
      <c r="L247" s="245"/>
      <c r="M247" s="134">
        <v>0.02</v>
      </c>
      <c r="N247" s="123">
        <f t="shared" si="16"/>
        <v>70</v>
      </c>
      <c r="O247" s="113"/>
      <c r="P247" s="135">
        <f t="shared" si="17"/>
        <v>60</v>
      </c>
      <c r="Q247" s="136"/>
    </row>
    <row r="248" spans="2:18" ht="45" customHeight="1" x14ac:dyDescent="0.2">
      <c r="B248" s="63">
        <f t="shared" si="14"/>
        <v>10</v>
      </c>
      <c r="C248" s="63" t="str">
        <f t="shared" si="14"/>
        <v>01S</v>
      </c>
      <c r="D248" s="63" t="str">
        <f t="shared" si="14"/>
        <v>0028-B</v>
      </c>
      <c r="E248" s="63">
        <f t="shared" si="14"/>
        <v>3.6579999999999999</v>
      </c>
      <c r="F248" s="63" t="str">
        <f t="shared" si="14"/>
        <v>0028-B</v>
      </c>
      <c r="G248" s="63">
        <f t="shared" si="14"/>
        <v>12.105</v>
      </c>
      <c r="H248" s="63">
        <f t="shared" si="14"/>
        <v>8.4499999999999993</v>
      </c>
      <c r="I248" s="137" t="s">
        <v>263</v>
      </c>
      <c r="J248" s="137" t="s">
        <v>264</v>
      </c>
      <c r="K248" s="244" t="str">
        <f t="shared" si="15"/>
        <v>Rural state highway with a curved alignment, from Riverlands to Seddon</v>
      </c>
      <c r="L248" s="245"/>
      <c r="M248" s="134">
        <v>0.16</v>
      </c>
      <c r="N248" s="123">
        <f t="shared" si="16"/>
        <v>100</v>
      </c>
      <c r="O248" s="92"/>
      <c r="P248" s="135">
        <f t="shared" si="17"/>
        <v>80</v>
      </c>
      <c r="Q248" s="136"/>
    </row>
    <row r="249" spans="2:18" ht="45" customHeight="1" x14ac:dyDescent="0.2">
      <c r="B249" s="63">
        <f t="shared" ref="B249:H256" si="18">B51</f>
        <v>11</v>
      </c>
      <c r="C249" s="63" t="str">
        <f t="shared" si="18"/>
        <v>01S</v>
      </c>
      <c r="D249" s="63" t="str">
        <f t="shared" si="18"/>
        <v>0028-B</v>
      </c>
      <c r="E249" s="63">
        <f t="shared" si="18"/>
        <v>12.105</v>
      </c>
      <c r="F249" s="63" t="str">
        <f t="shared" si="18"/>
        <v>0043-B</v>
      </c>
      <c r="G249" s="63">
        <f t="shared" si="18"/>
        <v>0</v>
      </c>
      <c r="H249" s="63">
        <f t="shared" si="18"/>
        <v>3.65</v>
      </c>
      <c r="I249" s="137" t="s">
        <v>264</v>
      </c>
      <c r="J249" s="137" t="s">
        <v>265</v>
      </c>
      <c r="K249" s="244" t="str">
        <f t="shared" si="15"/>
        <v>Rural state highway with a winding alignment, from Riverlands to Seddon</v>
      </c>
      <c r="L249" s="245"/>
      <c r="M249" s="134">
        <v>0.48</v>
      </c>
      <c r="N249" s="123">
        <f t="shared" si="16"/>
        <v>100</v>
      </c>
      <c r="O249" s="92"/>
      <c r="P249" s="135">
        <f t="shared" si="17"/>
        <v>60</v>
      </c>
      <c r="Q249" s="136"/>
    </row>
    <row r="250" spans="2:18" ht="45" customHeight="1" x14ac:dyDescent="0.2">
      <c r="B250" s="63">
        <f t="shared" si="18"/>
        <v>12</v>
      </c>
      <c r="C250" s="63" t="str">
        <f t="shared" si="18"/>
        <v>01S</v>
      </c>
      <c r="D250" s="63" t="str">
        <f t="shared" si="18"/>
        <v>0043-B</v>
      </c>
      <c r="E250" s="63">
        <f t="shared" si="18"/>
        <v>0</v>
      </c>
      <c r="F250" s="63" t="str">
        <f t="shared" si="18"/>
        <v>0043-B</v>
      </c>
      <c r="G250" s="63">
        <f t="shared" si="18"/>
        <v>8.18</v>
      </c>
      <c r="H250" s="63">
        <f t="shared" si="18"/>
        <v>8.18</v>
      </c>
      <c r="I250" s="137" t="s">
        <v>265</v>
      </c>
      <c r="J250" s="137" t="s">
        <v>266</v>
      </c>
      <c r="K250" s="244" t="str">
        <f t="shared" si="15"/>
        <v>Rural state highway with a straight alignment, from Riverlands to Seddon</v>
      </c>
      <c r="L250" s="245"/>
      <c r="M250" s="134">
        <v>0</v>
      </c>
      <c r="N250" s="123">
        <f t="shared" si="16"/>
        <v>100</v>
      </c>
      <c r="O250" s="92"/>
      <c r="P250" s="135">
        <f t="shared" si="17"/>
        <v>100</v>
      </c>
      <c r="Q250" s="136"/>
    </row>
    <row r="251" spans="2:18" ht="45" customHeight="1" x14ac:dyDescent="0.2">
      <c r="B251" s="63">
        <f t="shared" si="18"/>
        <v>13</v>
      </c>
      <c r="C251" s="63" t="str">
        <f t="shared" si="18"/>
        <v>01S</v>
      </c>
      <c r="D251" s="63" t="str">
        <f t="shared" si="18"/>
        <v>0043-B</v>
      </c>
      <c r="E251" s="63">
        <f t="shared" si="18"/>
        <v>8.18</v>
      </c>
      <c r="F251" s="63" t="str">
        <f t="shared" si="18"/>
        <v>0043-B</v>
      </c>
      <c r="G251" s="63">
        <f t="shared" si="18"/>
        <v>8.875</v>
      </c>
      <c r="H251" s="63">
        <f t="shared" si="18"/>
        <v>0.7</v>
      </c>
      <c r="I251" s="137" t="s">
        <v>266</v>
      </c>
      <c r="J251" s="137" t="s">
        <v>267</v>
      </c>
      <c r="K251" s="244" t="str">
        <f t="shared" si="15"/>
        <v>Rural state highway with a curved alignment, a rural town area of Seddon with residential developments</v>
      </c>
      <c r="L251" s="245"/>
      <c r="M251" s="134">
        <v>0</v>
      </c>
      <c r="N251" s="123">
        <f t="shared" si="16"/>
        <v>60</v>
      </c>
      <c r="O251" s="92"/>
      <c r="P251" s="135">
        <f t="shared" si="17"/>
        <v>60</v>
      </c>
      <c r="Q251" s="136"/>
    </row>
    <row r="252" spans="2:18" ht="45" customHeight="1" x14ac:dyDescent="0.2">
      <c r="B252" s="63">
        <f t="shared" si="18"/>
        <v>14</v>
      </c>
      <c r="C252" s="63" t="str">
        <f t="shared" si="18"/>
        <v>01S</v>
      </c>
      <c r="D252" s="63" t="str">
        <f t="shared" si="18"/>
        <v>0043-B</v>
      </c>
      <c r="E252" s="63">
        <f t="shared" si="18"/>
        <v>8.875</v>
      </c>
      <c r="F252" s="63" t="str">
        <f t="shared" si="18"/>
        <v>0043-B</v>
      </c>
      <c r="G252" s="63">
        <f t="shared" si="18"/>
        <v>9.6059999999999999</v>
      </c>
      <c r="H252" s="63">
        <f t="shared" si="18"/>
        <v>0.73</v>
      </c>
      <c r="I252" s="137" t="s">
        <v>267</v>
      </c>
      <c r="J252" s="137" t="s">
        <v>268</v>
      </c>
      <c r="K252" s="244" t="str">
        <f t="shared" si="15"/>
        <v>Rural state highway with a curved alignment, a rural town area of Seddon with shops and school nearby</v>
      </c>
      <c r="L252" s="245"/>
      <c r="M252" s="134">
        <v>0</v>
      </c>
      <c r="N252" s="123">
        <f t="shared" si="16"/>
        <v>50</v>
      </c>
      <c r="O252" s="92"/>
      <c r="P252" s="135">
        <f t="shared" si="17"/>
        <v>50</v>
      </c>
      <c r="Q252" s="136"/>
    </row>
    <row r="253" spans="2:18" ht="45" customHeight="1" x14ac:dyDescent="0.2">
      <c r="B253" s="63">
        <f t="shared" si="18"/>
        <v>15</v>
      </c>
      <c r="C253" s="63">
        <f t="shared" si="18"/>
        <v>6</v>
      </c>
      <c r="D253" s="63" t="str">
        <f t="shared" si="18"/>
        <v>0000</v>
      </c>
      <c r="E253" s="63">
        <f t="shared" si="18"/>
        <v>0</v>
      </c>
      <c r="F253" s="63" t="str">
        <f t="shared" si="18"/>
        <v>0000</v>
      </c>
      <c r="G253" s="63">
        <f t="shared" si="18"/>
        <v>0.4</v>
      </c>
      <c r="H253" s="63">
        <f t="shared" si="18"/>
        <v>0.4</v>
      </c>
      <c r="I253" s="137" t="s">
        <v>269</v>
      </c>
      <c r="J253" s="137" t="s">
        <v>270</v>
      </c>
      <c r="K253" s="244" t="str">
        <f t="shared" si="15"/>
        <v>Urban state highway with a straight alignment, a commercial big box area of Blenheim</v>
      </c>
      <c r="L253" s="245"/>
      <c r="M253" s="134">
        <v>0.01</v>
      </c>
      <c r="N253" s="123">
        <f t="shared" si="16"/>
        <v>50</v>
      </c>
      <c r="O253" s="92"/>
      <c r="P253" s="135">
        <f t="shared" si="17"/>
        <v>40</v>
      </c>
      <c r="Q253" s="136"/>
      <c r="R253" s="26" t="s">
        <v>276</v>
      </c>
    </row>
    <row r="254" spans="2:18" ht="45" customHeight="1" x14ac:dyDescent="0.2">
      <c r="B254" s="63">
        <f t="shared" si="18"/>
        <v>16</v>
      </c>
      <c r="C254" s="63">
        <f t="shared" si="18"/>
        <v>6</v>
      </c>
      <c r="D254" s="63" t="str">
        <f t="shared" si="18"/>
        <v>0000</v>
      </c>
      <c r="E254" s="63">
        <f t="shared" si="18"/>
        <v>0.4</v>
      </c>
      <c r="F254" s="63" t="str">
        <f t="shared" si="18"/>
        <v>0000</v>
      </c>
      <c r="G254" s="63">
        <f t="shared" si="18"/>
        <v>1.5720000000000001</v>
      </c>
      <c r="H254" s="63">
        <f t="shared" si="18"/>
        <v>1.18</v>
      </c>
      <c r="I254" s="137" t="s">
        <v>270</v>
      </c>
      <c r="J254" s="137" t="s">
        <v>271</v>
      </c>
      <c r="K254" s="244" t="str">
        <f t="shared" si="15"/>
        <v>Urban state highway with a straight alignment, an urban residential area of Blenheim</v>
      </c>
      <c r="L254" s="245"/>
      <c r="M254" s="134">
        <v>0</v>
      </c>
      <c r="N254" s="123">
        <f t="shared" si="16"/>
        <v>50</v>
      </c>
      <c r="O254" s="92"/>
      <c r="P254" s="135">
        <f t="shared" si="17"/>
        <v>50</v>
      </c>
      <c r="Q254" s="136"/>
      <c r="R254" s="54"/>
    </row>
    <row r="255" spans="2:18" ht="45" customHeight="1" x14ac:dyDescent="0.2">
      <c r="B255" s="63" t="str">
        <f t="shared" si="18"/>
        <v>16A</v>
      </c>
      <c r="C255" s="63">
        <f t="shared" si="18"/>
        <v>6</v>
      </c>
      <c r="D255" s="63" t="str">
        <f t="shared" si="18"/>
        <v>0000</v>
      </c>
      <c r="E255" s="63">
        <f t="shared" si="18"/>
        <v>0.98899999999999999</v>
      </c>
      <c r="F255" s="63" t="str">
        <f t="shared" si="18"/>
        <v>0000</v>
      </c>
      <c r="G255" s="63">
        <f t="shared" si="18"/>
        <v>1.4219999999999999</v>
      </c>
      <c r="H255" s="63">
        <f t="shared" si="18"/>
        <v>0.433</v>
      </c>
      <c r="I255" s="137" t="s">
        <v>272</v>
      </c>
      <c r="J255" s="137" t="s">
        <v>273</v>
      </c>
      <c r="K255" s="244" t="str">
        <f t="shared" si="15"/>
        <v>Existing Marlborough Girls' College School Zone VSL
Subsection of section 16</v>
      </c>
      <c r="L255" s="245"/>
      <c r="M255" s="134" t="str">
        <f>M57</f>
        <v>NA</v>
      </c>
      <c r="N255" s="123" t="str">
        <f t="shared" si="16"/>
        <v>40/50</v>
      </c>
      <c r="O255" s="92"/>
      <c r="P255" s="135" t="str">
        <f t="shared" si="17"/>
        <v>50/30</v>
      </c>
      <c r="Q255" s="136"/>
      <c r="R255" s="26" t="s">
        <v>277</v>
      </c>
    </row>
    <row r="256" spans="2:18" ht="45" customHeight="1" x14ac:dyDescent="0.2">
      <c r="B256" s="63">
        <f t="shared" si="18"/>
        <v>17</v>
      </c>
      <c r="C256" s="63">
        <f t="shared" si="18"/>
        <v>6</v>
      </c>
      <c r="D256" s="63" t="str">
        <f t="shared" si="18"/>
        <v>0000</v>
      </c>
      <c r="E256" s="63">
        <f t="shared" si="18"/>
        <v>1.5720000000000001</v>
      </c>
      <c r="F256" s="63" t="str">
        <f t="shared" si="18"/>
        <v>0000</v>
      </c>
      <c r="G256" s="63">
        <f t="shared" si="18"/>
        <v>3.06</v>
      </c>
      <c r="H256" s="63">
        <f t="shared" si="18"/>
        <v>1.49</v>
      </c>
      <c r="I256" s="137" t="s">
        <v>271</v>
      </c>
      <c r="J256" s="137" t="s">
        <v>274</v>
      </c>
      <c r="K256" s="244" t="str">
        <f t="shared" si="15"/>
        <v>Urban state highway with a straight alignment, an urban residential area of Blenheim with some commercial developments</v>
      </c>
      <c r="L256" s="245"/>
      <c r="M256" s="134">
        <f>M58</f>
        <v>0</v>
      </c>
      <c r="N256" s="123">
        <f t="shared" si="16"/>
        <v>50</v>
      </c>
      <c r="O256" s="92"/>
      <c r="P256" s="135">
        <f t="shared" si="17"/>
        <v>50</v>
      </c>
      <c r="Q256" s="136"/>
      <c r="R256" s="26" t="s">
        <v>92</v>
      </c>
    </row>
    <row r="257" spans="2:17" ht="24" customHeight="1" x14ac:dyDescent="0.2">
      <c r="B257" s="55"/>
      <c r="C257" s="55"/>
      <c r="D257" s="55"/>
      <c r="E257" s="55"/>
      <c r="F257" s="55"/>
      <c r="G257" s="55"/>
      <c r="H257" s="55"/>
      <c r="I257" s="55"/>
      <c r="J257" s="55"/>
      <c r="K257" s="55"/>
      <c r="L257" s="55"/>
      <c r="M257" s="55"/>
      <c r="N257" s="55"/>
      <c r="O257" s="55"/>
      <c r="P257" s="55"/>
      <c r="Q257" s="55"/>
    </row>
    <row r="258" spans="2:17" ht="40.5" customHeight="1" x14ac:dyDescent="0.2">
      <c r="B258" s="329" t="s">
        <v>63</v>
      </c>
      <c r="C258" s="330"/>
      <c r="D258" s="330"/>
      <c r="E258" s="330"/>
      <c r="F258" s="330"/>
      <c r="G258" s="330"/>
      <c r="H258" s="330"/>
      <c r="I258" s="330"/>
      <c r="J258" s="330"/>
      <c r="K258" s="330"/>
      <c r="L258" s="330"/>
      <c r="M258" s="330"/>
      <c r="N258" s="330"/>
      <c r="O258" s="330"/>
      <c r="P258" s="330"/>
      <c r="Q258" s="331"/>
    </row>
    <row r="259" spans="2:17" ht="24" customHeight="1" x14ac:dyDescent="0.2">
      <c r="B259" s="12" t="s">
        <v>4</v>
      </c>
      <c r="C259" s="289"/>
      <c r="D259" s="289"/>
      <c r="E259" s="289"/>
      <c r="F259" s="289"/>
      <c r="G259" s="289"/>
      <c r="H259" s="289"/>
      <c r="I259" s="289"/>
      <c r="J259" s="13" t="s">
        <v>3</v>
      </c>
      <c r="K259" s="246"/>
      <c r="L259" s="247"/>
      <c r="M259" s="247"/>
      <c r="N259" s="247"/>
      <c r="O259" s="247"/>
      <c r="P259" s="247"/>
      <c r="Q259" s="248"/>
    </row>
    <row r="260" spans="2:17" ht="27" customHeight="1" x14ac:dyDescent="0.2">
      <c r="B260" s="12" t="s">
        <v>6</v>
      </c>
      <c r="C260" s="289" t="s">
        <v>71</v>
      </c>
      <c r="D260" s="289"/>
      <c r="E260" s="289"/>
      <c r="F260" s="289"/>
      <c r="G260" s="289"/>
      <c r="H260" s="289"/>
      <c r="I260" s="289"/>
      <c r="J260" s="13" t="s">
        <v>64</v>
      </c>
      <c r="K260" s="246"/>
      <c r="L260" s="247"/>
      <c r="M260" s="247"/>
      <c r="N260" s="247"/>
      <c r="O260" s="247"/>
      <c r="P260" s="247"/>
      <c r="Q260" s="248"/>
    </row>
    <row r="261" spans="2:17" ht="171" customHeight="1" x14ac:dyDescent="0.2">
      <c r="B261" s="12" t="s">
        <v>65</v>
      </c>
      <c r="C261" s="367"/>
      <c r="D261" s="368"/>
      <c r="E261" s="368"/>
      <c r="F261" s="368"/>
      <c r="G261" s="368"/>
      <c r="H261" s="368"/>
      <c r="I261" s="368"/>
      <c r="J261" s="368"/>
      <c r="K261" s="368"/>
      <c r="L261" s="368"/>
      <c r="M261" s="368"/>
      <c r="N261" s="368"/>
      <c r="O261" s="368"/>
      <c r="P261" s="368"/>
      <c r="Q261" s="369"/>
    </row>
    <row r="262" spans="2:17" x14ac:dyDescent="0.2">
      <c r="B262" s="55"/>
      <c r="C262" s="55"/>
      <c r="D262" s="55"/>
      <c r="E262" s="55"/>
      <c r="F262" s="55"/>
      <c r="G262" s="55"/>
      <c r="H262" s="55"/>
      <c r="I262" s="55"/>
      <c r="J262" s="55"/>
      <c r="K262" s="55"/>
      <c r="L262" s="55"/>
      <c r="M262" s="55"/>
      <c r="N262" s="55"/>
      <c r="O262" s="55"/>
      <c r="P262" s="55"/>
      <c r="Q262" s="55"/>
    </row>
    <row r="263" spans="2:17" x14ac:dyDescent="0.2">
      <c r="B263" s="55"/>
      <c r="C263" s="55"/>
      <c r="D263" s="55"/>
      <c r="E263" s="55"/>
      <c r="F263" s="55"/>
      <c r="G263" s="55"/>
      <c r="H263" s="55"/>
      <c r="I263" s="55"/>
      <c r="J263" s="55"/>
      <c r="K263" s="55"/>
      <c r="L263" s="55"/>
      <c r="M263" s="55"/>
      <c r="N263" s="55"/>
      <c r="O263" s="55"/>
      <c r="P263" s="55"/>
      <c r="Q263" s="55"/>
    </row>
    <row r="264" spans="2:17" ht="57.75" customHeight="1" x14ac:dyDescent="0.2">
      <c r="B264" s="265" t="s">
        <v>162</v>
      </c>
      <c r="C264" s="265"/>
      <c r="D264" s="265"/>
      <c r="E264" s="265"/>
      <c r="F264" s="265"/>
      <c r="G264" s="265"/>
      <c r="H264" s="265"/>
      <c r="I264" s="265"/>
      <c r="J264" s="265"/>
      <c r="K264" s="265"/>
      <c r="L264" s="265"/>
      <c r="M264" s="265"/>
      <c r="N264" s="265"/>
      <c r="O264" s="265"/>
      <c r="P264" s="265"/>
      <c r="Q264" s="265"/>
    </row>
    <row r="265" spans="2:17" ht="27" customHeight="1" x14ac:dyDescent="0.2">
      <c r="B265" s="266" t="s">
        <v>10</v>
      </c>
      <c r="C265" s="266" t="s">
        <v>11</v>
      </c>
      <c r="D265" s="266" t="s">
        <v>25</v>
      </c>
      <c r="E265" s="266"/>
      <c r="F265" s="266"/>
      <c r="G265" s="266"/>
      <c r="H265" s="267" t="s">
        <v>12</v>
      </c>
      <c r="I265" s="269" t="s">
        <v>150</v>
      </c>
      <c r="J265" s="270"/>
      <c r="K265" s="269" t="s">
        <v>151</v>
      </c>
      <c r="L265" s="270"/>
      <c r="M265" s="273" t="s">
        <v>163</v>
      </c>
      <c r="N265" s="275" t="s">
        <v>60</v>
      </c>
      <c r="O265" s="275" t="s">
        <v>149</v>
      </c>
      <c r="P265" s="260" t="s">
        <v>61</v>
      </c>
      <c r="Q265" s="275" t="s">
        <v>77</v>
      </c>
    </row>
    <row r="266" spans="2:17" ht="27" customHeight="1" x14ac:dyDescent="0.2">
      <c r="B266" s="257"/>
      <c r="C266" s="257"/>
      <c r="D266" s="102" t="s">
        <v>108</v>
      </c>
      <c r="E266" s="102" t="s">
        <v>109</v>
      </c>
      <c r="F266" s="102" t="s">
        <v>110</v>
      </c>
      <c r="G266" s="102" t="s">
        <v>111</v>
      </c>
      <c r="H266" s="268"/>
      <c r="I266" s="271"/>
      <c r="J266" s="272"/>
      <c r="K266" s="271"/>
      <c r="L266" s="272"/>
      <c r="M266" s="274"/>
      <c r="N266" s="266"/>
      <c r="O266" s="266"/>
      <c r="P266" s="276"/>
      <c r="Q266" s="266"/>
    </row>
    <row r="267" spans="2:17" ht="34.5" customHeight="1" x14ac:dyDescent="0.2">
      <c r="B267" s="84">
        <f>B248</f>
        <v>10</v>
      </c>
      <c r="C267" s="84" t="str">
        <f>C248</f>
        <v>01S</v>
      </c>
      <c r="D267" s="63"/>
      <c r="E267" s="63"/>
      <c r="F267" s="63"/>
      <c r="G267" s="63"/>
      <c r="H267" s="84">
        <f>(F267-D267)-E267+G267</f>
        <v>0</v>
      </c>
      <c r="I267" s="84"/>
      <c r="J267" s="84"/>
      <c r="K267" s="263"/>
      <c r="L267" s="264"/>
      <c r="M267" s="63"/>
      <c r="N267" s="63"/>
      <c r="O267" s="101"/>
      <c r="P267" s="85"/>
      <c r="Q267" s="86"/>
    </row>
    <row r="268" spans="2:17" ht="34.5" customHeight="1" x14ac:dyDescent="0.2">
      <c r="B268" s="84">
        <f t="shared" ref="B268:C275" si="19">B249</f>
        <v>11</v>
      </c>
      <c r="C268" s="84" t="str">
        <f t="shared" si="19"/>
        <v>01S</v>
      </c>
      <c r="D268" s="63"/>
      <c r="E268" s="63"/>
      <c r="F268" s="63"/>
      <c r="G268" s="63"/>
      <c r="H268" s="84">
        <f t="shared" ref="H268" si="20">(F268-D268)-E268+G268</f>
        <v>0</v>
      </c>
      <c r="I268" s="84"/>
      <c r="J268" s="84"/>
      <c r="K268" s="263"/>
      <c r="L268" s="264"/>
      <c r="M268" s="63"/>
      <c r="N268" s="63"/>
      <c r="O268" s="101"/>
      <c r="P268" s="85"/>
      <c r="Q268" s="86"/>
    </row>
    <row r="269" spans="2:17" ht="34.5" customHeight="1" x14ac:dyDescent="0.2">
      <c r="B269" s="84">
        <f t="shared" si="19"/>
        <v>12</v>
      </c>
      <c r="C269" s="84" t="str">
        <f t="shared" si="19"/>
        <v>01S</v>
      </c>
      <c r="D269" s="63"/>
      <c r="E269" s="63"/>
      <c r="F269" s="63"/>
      <c r="G269" s="63"/>
      <c r="H269" s="84">
        <f t="shared" ref="H269" si="21">(F269-D269)-E269+G269</f>
        <v>0</v>
      </c>
      <c r="I269" s="84"/>
      <c r="J269" s="84"/>
      <c r="K269" s="263"/>
      <c r="L269" s="264"/>
      <c r="M269" s="63"/>
      <c r="N269" s="63"/>
      <c r="O269" s="101"/>
      <c r="P269" s="85"/>
      <c r="Q269" s="86"/>
    </row>
    <row r="270" spans="2:17" ht="34.5" customHeight="1" x14ac:dyDescent="0.2">
      <c r="B270" s="84">
        <f t="shared" si="19"/>
        <v>13</v>
      </c>
      <c r="C270" s="84" t="str">
        <f t="shared" si="19"/>
        <v>01S</v>
      </c>
      <c r="D270" s="63"/>
      <c r="E270" s="63"/>
      <c r="F270" s="63"/>
      <c r="G270" s="63"/>
      <c r="H270" s="84">
        <f t="shared" ref="H270:H275" si="22">(F270-D270)-E270+G270</f>
        <v>0</v>
      </c>
      <c r="I270" s="84"/>
      <c r="J270" s="84"/>
      <c r="K270" s="263"/>
      <c r="L270" s="264"/>
      <c r="M270" s="63"/>
      <c r="N270" s="63"/>
      <c r="O270" s="101"/>
      <c r="P270" s="85"/>
      <c r="Q270" s="86"/>
    </row>
    <row r="271" spans="2:17" ht="34.5" customHeight="1" x14ac:dyDescent="0.2">
      <c r="B271" s="84">
        <f t="shared" si="19"/>
        <v>14</v>
      </c>
      <c r="C271" s="84" t="str">
        <f t="shared" si="19"/>
        <v>01S</v>
      </c>
      <c r="D271" s="63"/>
      <c r="E271" s="63"/>
      <c r="F271" s="63"/>
      <c r="G271" s="63"/>
      <c r="H271" s="84">
        <f t="shared" si="22"/>
        <v>0</v>
      </c>
      <c r="I271" s="84"/>
      <c r="J271" s="84"/>
      <c r="K271" s="263"/>
      <c r="L271" s="264"/>
      <c r="M271" s="63"/>
      <c r="N271" s="63"/>
      <c r="O271" s="101"/>
      <c r="P271" s="85"/>
      <c r="Q271" s="86"/>
    </row>
    <row r="272" spans="2:17" ht="34.5" customHeight="1" x14ac:dyDescent="0.2">
      <c r="B272" s="84">
        <f t="shared" si="19"/>
        <v>15</v>
      </c>
      <c r="C272" s="84">
        <f t="shared" si="19"/>
        <v>6</v>
      </c>
      <c r="D272" s="63"/>
      <c r="E272" s="63"/>
      <c r="F272" s="63"/>
      <c r="G272" s="63"/>
      <c r="H272" s="84">
        <f t="shared" si="22"/>
        <v>0</v>
      </c>
      <c r="I272" s="84"/>
      <c r="J272" s="84"/>
      <c r="K272" s="263"/>
      <c r="L272" s="264"/>
      <c r="M272" s="63"/>
      <c r="N272" s="63"/>
      <c r="O272" s="101"/>
      <c r="P272" s="85"/>
      <c r="Q272" s="86"/>
    </row>
    <row r="273" spans="2:17" ht="34.5" customHeight="1" x14ac:dyDescent="0.2">
      <c r="B273" s="84">
        <f t="shared" si="19"/>
        <v>16</v>
      </c>
      <c r="C273" s="84">
        <f t="shared" si="19"/>
        <v>6</v>
      </c>
      <c r="D273" s="63"/>
      <c r="E273" s="63"/>
      <c r="F273" s="63"/>
      <c r="G273" s="63"/>
      <c r="H273" s="84">
        <f t="shared" si="22"/>
        <v>0</v>
      </c>
      <c r="I273" s="84"/>
      <c r="J273" s="84"/>
      <c r="K273" s="263"/>
      <c r="L273" s="264"/>
      <c r="M273" s="63"/>
      <c r="N273" s="63"/>
      <c r="O273" s="101"/>
      <c r="P273" s="85"/>
      <c r="Q273" s="86"/>
    </row>
    <row r="274" spans="2:17" ht="34.5" customHeight="1" x14ac:dyDescent="0.2">
      <c r="B274" s="84" t="str">
        <f t="shared" si="19"/>
        <v>16A</v>
      </c>
      <c r="C274" s="84">
        <f t="shared" si="19"/>
        <v>6</v>
      </c>
      <c r="D274" s="63"/>
      <c r="E274" s="63"/>
      <c r="F274" s="63"/>
      <c r="G274" s="63"/>
      <c r="H274" s="84">
        <f t="shared" si="22"/>
        <v>0</v>
      </c>
      <c r="I274" s="84"/>
      <c r="J274" s="84"/>
      <c r="K274" s="263"/>
      <c r="L274" s="264"/>
      <c r="M274" s="63"/>
      <c r="N274" s="63"/>
      <c r="O274" s="101"/>
      <c r="P274" s="85"/>
      <c r="Q274" s="86"/>
    </row>
    <row r="275" spans="2:17" ht="34.5" customHeight="1" x14ac:dyDescent="0.2">
      <c r="B275" s="84">
        <f t="shared" si="19"/>
        <v>17</v>
      </c>
      <c r="C275" s="84">
        <f t="shared" si="19"/>
        <v>6</v>
      </c>
      <c r="D275" s="63"/>
      <c r="E275" s="63"/>
      <c r="F275" s="63"/>
      <c r="G275" s="63"/>
      <c r="H275" s="84">
        <f t="shared" si="22"/>
        <v>0</v>
      </c>
      <c r="I275" s="84"/>
      <c r="J275" s="84"/>
      <c r="K275" s="263"/>
      <c r="L275" s="264"/>
      <c r="M275" s="63"/>
      <c r="N275" s="63"/>
      <c r="O275" s="101"/>
      <c r="P275" s="85"/>
      <c r="Q275" s="86"/>
    </row>
    <row r="276" spans="2:17" x14ac:dyDescent="0.2">
      <c r="B276" s="55"/>
      <c r="C276" s="55"/>
      <c r="D276" s="55"/>
      <c r="E276" s="55"/>
      <c r="F276" s="55"/>
      <c r="G276" s="55"/>
      <c r="H276" s="55"/>
      <c r="I276" s="55"/>
      <c r="J276" s="55"/>
      <c r="K276" s="55"/>
      <c r="L276" s="55"/>
      <c r="M276" s="55"/>
      <c r="N276" s="55"/>
      <c r="O276" s="55"/>
      <c r="P276" s="55"/>
      <c r="Q276" s="55"/>
    </row>
    <row r="277" spans="2:17" ht="49.35" customHeight="1" x14ac:dyDescent="0.2">
      <c r="B277" s="370" t="s">
        <v>161</v>
      </c>
      <c r="C277" s="370"/>
      <c r="D277" s="370"/>
      <c r="E277" s="370"/>
      <c r="F277" s="370"/>
      <c r="G277" s="370"/>
      <c r="H277" s="370"/>
      <c r="I277" s="370"/>
      <c r="J277" s="370"/>
      <c r="K277" s="370"/>
      <c r="L277" s="370"/>
      <c r="M277" s="370"/>
      <c r="N277" s="370"/>
      <c r="O277" s="370"/>
      <c r="P277" s="370"/>
      <c r="Q277" s="370"/>
    </row>
    <row r="278" spans="2:17" x14ac:dyDescent="0.2">
      <c r="B278" s="55"/>
      <c r="C278" s="55"/>
      <c r="D278" s="55"/>
      <c r="E278" s="55"/>
      <c r="F278" s="55"/>
      <c r="G278" s="55"/>
      <c r="H278" s="55"/>
      <c r="I278" s="55"/>
      <c r="J278" s="55"/>
      <c r="K278" s="55"/>
      <c r="L278" s="55"/>
      <c r="M278" s="55"/>
      <c r="N278" s="55"/>
      <c r="O278" s="55"/>
      <c r="P278" s="55"/>
      <c r="Q278" s="55"/>
    </row>
    <row r="279" spans="2:17" ht="40.35" customHeight="1" x14ac:dyDescent="0.2">
      <c r="B279" s="329" t="s">
        <v>155</v>
      </c>
      <c r="C279" s="330"/>
      <c r="D279" s="330"/>
      <c r="E279" s="330"/>
      <c r="F279" s="330"/>
      <c r="G279" s="330"/>
      <c r="H279" s="330"/>
      <c r="I279" s="330"/>
      <c r="J279" s="330"/>
      <c r="K279" s="330"/>
      <c r="L279" s="330"/>
      <c r="M279" s="330"/>
      <c r="N279" s="330"/>
      <c r="O279" s="330"/>
      <c r="P279" s="330"/>
      <c r="Q279" s="331"/>
    </row>
    <row r="280" spans="2:17" ht="26.85" customHeight="1" x14ac:dyDescent="0.2">
      <c r="B280" s="104" t="s">
        <v>4</v>
      </c>
      <c r="C280" s="289"/>
      <c r="D280" s="289"/>
      <c r="E280" s="289"/>
      <c r="F280" s="289"/>
      <c r="G280" s="289"/>
      <c r="H280" s="289"/>
      <c r="I280" s="289"/>
      <c r="J280" s="13" t="s">
        <v>3</v>
      </c>
      <c r="K280" s="246"/>
      <c r="L280" s="247"/>
      <c r="M280" s="247"/>
      <c r="N280" s="247"/>
      <c r="O280" s="247"/>
      <c r="P280" s="247"/>
      <c r="Q280" s="248"/>
    </row>
    <row r="281" spans="2:17" ht="26.85" customHeight="1" x14ac:dyDescent="0.2">
      <c r="B281" s="104" t="s">
        <v>6</v>
      </c>
      <c r="C281" s="289" t="s">
        <v>71</v>
      </c>
      <c r="D281" s="289"/>
      <c r="E281" s="289"/>
      <c r="F281" s="289"/>
      <c r="G281" s="289"/>
      <c r="H281" s="289"/>
      <c r="I281" s="289"/>
      <c r="J281" s="13" t="s">
        <v>64</v>
      </c>
      <c r="K281" s="246"/>
      <c r="L281" s="247"/>
      <c r="M281" s="247"/>
      <c r="N281" s="247"/>
      <c r="O281" s="247"/>
      <c r="P281" s="247"/>
      <c r="Q281" s="248"/>
    </row>
    <row r="282" spans="2:17" ht="84.6" customHeight="1" x14ac:dyDescent="0.2">
      <c r="B282" s="104" t="s">
        <v>65</v>
      </c>
      <c r="C282" s="367"/>
      <c r="D282" s="368"/>
      <c r="E282" s="368"/>
      <c r="F282" s="368"/>
      <c r="G282" s="368"/>
      <c r="H282" s="368"/>
      <c r="I282" s="368"/>
      <c r="J282" s="368"/>
      <c r="K282" s="368"/>
      <c r="L282" s="368"/>
      <c r="M282" s="368"/>
      <c r="N282" s="368"/>
      <c r="O282" s="368"/>
      <c r="P282" s="368"/>
      <c r="Q282" s="369"/>
    </row>
    <row r="283" spans="2:17" x14ac:dyDescent="0.2">
      <c r="B283" s="55"/>
      <c r="C283" s="55"/>
      <c r="D283" s="55"/>
      <c r="E283" s="55"/>
      <c r="F283" s="55"/>
      <c r="G283" s="55"/>
      <c r="H283" s="55"/>
      <c r="I283" s="55"/>
      <c r="J283" s="55"/>
      <c r="K283" s="55"/>
      <c r="L283" s="55"/>
      <c r="M283" s="55"/>
      <c r="N283" s="55"/>
      <c r="O283" s="55"/>
      <c r="P283" s="55"/>
      <c r="Q283" s="55"/>
    </row>
    <row r="284" spans="2:17" x14ac:dyDescent="0.2">
      <c r="B284" s="55"/>
      <c r="C284" s="55"/>
      <c r="D284" s="55"/>
      <c r="E284" s="55"/>
      <c r="F284" s="55"/>
      <c r="G284" s="55"/>
      <c r="H284" s="55"/>
      <c r="I284" s="55"/>
      <c r="J284" s="55"/>
      <c r="K284" s="55"/>
      <c r="L284" s="55"/>
      <c r="M284" s="55"/>
      <c r="N284" s="55"/>
      <c r="O284" s="55"/>
      <c r="P284" s="55"/>
      <c r="Q284" s="55"/>
    </row>
    <row r="285" spans="2:17" x14ac:dyDescent="0.2">
      <c r="B285" s="55"/>
      <c r="C285" s="55"/>
      <c r="D285" s="55"/>
      <c r="E285" s="55"/>
      <c r="F285" s="55"/>
      <c r="G285" s="55"/>
      <c r="H285" s="55"/>
      <c r="I285" s="55"/>
      <c r="J285" s="55"/>
      <c r="K285" s="55"/>
      <c r="L285" s="55"/>
      <c r="M285" s="55"/>
      <c r="N285" s="55"/>
      <c r="O285" s="55"/>
      <c r="P285" s="55"/>
      <c r="Q285" s="55"/>
    </row>
    <row r="286" spans="2:17" x14ac:dyDescent="0.2">
      <c r="B286" s="55"/>
      <c r="C286" s="55"/>
      <c r="D286" s="55"/>
      <c r="E286" s="55"/>
      <c r="F286" s="55"/>
      <c r="G286" s="55"/>
      <c r="H286" s="55"/>
      <c r="I286" s="55"/>
      <c r="J286" s="55"/>
      <c r="K286" s="55"/>
      <c r="L286" s="55"/>
      <c r="M286" s="55"/>
      <c r="N286" s="55"/>
      <c r="O286" s="55"/>
      <c r="P286" s="55"/>
      <c r="Q286" s="55"/>
    </row>
    <row r="287" spans="2:17" x14ac:dyDescent="0.2">
      <c r="B287" s="55"/>
      <c r="C287" s="55"/>
      <c r="D287" s="55"/>
      <c r="E287" s="55"/>
      <c r="F287" s="55"/>
      <c r="G287" s="55"/>
      <c r="H287" s="55"/>
      <c r="I287" s="55"/>
      <c r="J287" s="55"/>
      <c r="K287" s="55"/>
      <c r="L287" s="55"/>
      <c r="M287" s="55"/>
      <c r="N287" s="55"/>
      <c r="O287" s="55"/>
      <c r="P287" s="55"/>
      <c r="Q287" s="55"/>
    </row>
    <row r="288" spans="2:17" x14ac:dyDescent="0.2">
      <c r="B288" s="55"/>
      <c r="C288" s="55"/>
      <c r="D288" s="55"/>
      <c r="E288" s="55"/>
      <c r="F288" s="55"/>
      <c r="G288" s="55"/>
      <c r="H288" s="55"/>
      <c r="I288" s="55"/>
      <c r="J288" s="55"/>
      <c r="K288" s="55"/>
      <c r="L288" s="55"/>
      <c r="M288" s="55"/>
      <c r="N288" s="55"/>
      <c r="O288" s="55"/>
      <c r="P288" s="55"/>
      <c r="Q288" s="55"/>
    </row>
    <row r="289" spans="2:17" x14ac:dyDescent="0.2">
      <c r="B289" s="55"/>
      <c r="C289" s="55"/>
      <c r="D289" s="55"/>
      <c r="E289" s="55"/>
      <c r="F289" s="55"/>
      <c r="G289" s="55"/>
      <c r="H289" s="55"/>
      <c r="I289" s="55"/>
      <c r="J289" s="55"/>
      <c r="K289" s="55"/>
      <c r="L289" s="55"/>
      <c r="M289" s="55"/>
      <c r="N289" s="55"/>
      <c r="O289" s="55"/>
      <c r="P289" s="55"/>
      <c r="Q289" s="55"/>
    </row>
    <row r="290" spans="2:17" x14ac:dyDescent="0.2">
      <c r="B290" s="55"/>
      <c r="C290" s="55"/>
      <c r="D290" s="55"/>
      <c r="E290" s="55"/>
      <c r="F290" s="55"/>
      <c r="G290" s="55"/>
      <c r="H290" s="55"/>
      <c r="I290" s="55"/>
      <c r="J290" s="55"/>
      <c r="K290" s="55"/>
      <c r="L290" s="55"/>
      <c r="M290" s="55"/>
      <c r="N290" s="55"/>
      <c r="O290" s="55"/>
      <c r="P290" s="55"/>
      <c r="Q290" s="55"/>
    </row>
    <row r="291" spans="2:17" x14ac:dyDescent="0.2">
      <c r="B291" s="55"/>
      <c r="C291" s="55"/>
      <c r="D291" s="55"/>
      <c r="E291" s="55"/>
      <c r="F291" s="55"/>
      <c r="G291" s="55"/>
      <c r="H291" s="55"/>
      <c r="I291" s="55"/>
      <c r="J291" s="55"/>
      <c r="K291" s="55"/>
      <c r="L291" s="55"/>
      <c r="M291" s="55"/>
      <c r="N291" s="55"/>
      <c r="O291" s="55"/>
      <c r="P291" s="55"/>
      <c r="Q291" s="55"/>
    </row>
    <row r="292" spans="2:17" x14ac:dyDescent="0.2">
      <c r="B292" s="55"/>
      <c r="C292" s="55"/>
      <c r="D292" s="55"/>
      <c r="E292" s="55"/>
      <c r="F292" s="55"/>
      <c r="G292" s="55"/>
      <c r="H292" s="55"/>
      <c r="I292" s="55"/>
      <c r="J292" s="55"/>
      <c r="K292" s="55"/>
      <c r="L292" s="55"/>
      <c r="M292" s="55"/>
      <c r="N292" s="55"/>
      <c r="O292" s="55"/>
      <c r="P292" s="55"/>
      <c r="Q292" s="55"/>
    </row>
    <row r="293" spans="2:17" x14ac:dyDescent="0.2">
      <c r="B293" s="55"/>
      <c r="C293" s="55"/>
      <c r="D293" s="55"/>
      <c r="E293" s="55"/>
      <c r="F293" s="55"/>
      <c r="G293" s="55"/>
      <c r="H293" s="55"/>
      <c r="I293" s="55"/>
      <c r="J293" s="55"/>
      <c r="K293" s="55"/>
      <c r="L293" s="55"/>
      <c r="M293" s="55"/>
      <c r="N293" s="55"/>
      <c r="O293" s="55"/>
      <c r="P293" s="55"/>
      <c r="Q293" s="55"/>
    </row>
    <row r="294" spans="2:17" x14ac:dyDescent="0.2">
      <c r="B294" s="55"/>
      <c r="C294" s="55"/>
      <c r="D294" s="55"/>
      <c r="E294" s="55"/>
      <c r="F294" s="55"/>
      <c r="G294" s="55"/>
      <c r="H294" s="55"/>
      <c r="I294" s="55"/>
      <c r="J294" s="55"/>
      <c r="K294" s="55"/>
      <c r="L294" s="55"/>
      <c r="M294" s="55"/>
      <c r="N294" s="55"/>
      <c r="O294" s="55"/>
      <c r="P294" s="55"/>
      <c r="Q294" s="55"/>
    </row>
    <row r="295" spans="2:17" x14ac:dyDescent="0.2">
      <c r="B295" s="55"/>
      <c r="C295" s="55"/>
      <c r="D295" s="55"/>
      <c r="E295" s="55"/>
      <c r="F295" s="55"/>
      <c r="G295" s="55"/>
      <c r="H295" s="55"/>
      <c r="I295" s="55"/>
      <c r="J295" s="55"/>
      <c r="K295" s="55"/>
      <c r="L295" s="55"/>
      <c r="M295" s="55"/>
      <c r="N295" s="55"/>
      <c r="O295" s="55"/>
      <c r="P295" s="55"/>
      <c r="Q295" s="55"/>
    </row>
    <row r="296" spans="2:17" x14ac:dyDescent="0.2">
      <c r="B296" s="55"/>
      <c r="C296" s="55"/>
      <c r="D296" s="55"/>
      <c r="E296" s="55"/>
      <c r="F296" s="55"/>
      <c r="G296" s="55"/>
      <c r="H296" s="55"/>
      <c r="I296" s="55"/>
      <c r="J296" s="55"/>
      <c r="K296" s="55"/>
      <c r="L296" s="55"/>
      <c r="M296" s="55"/>
      <c r="N296" s="55"/>
      <c r="O296" s="55"/>
      <c r="P296" s="55"/>
      <c r="Q296" s="55"/>
    </row>
    <row r="297" spans="2:17" x14ac:dyDescent="0.2">
      <c r="B297" s="55"/>
      <c r="C297" s="55"/>
      <c r="D297" s="55"/>
      <c r="E297" s="55"/>
      <c r="F297" s="55"/>
      <c r="G297" s="55"/>
      <c r="H297" s="55"/>
      <c r="I297" s="55"/>
      <c r="J297" s="55"/>
      <c r="K297" s="55"/>
      <c r="L297" s="55"/>
      <c r="M297" s="55"/>
      <c r="N297" s="55"/>
      <c r="O297" s="55"/>
      <c r="P297" s="55"/>
      <c r="Q297" s="55"/>
    </row>
    <row r="298" spans="2:17" x14ac:dyDescent="0.2">
      <c r="B298" s="55"/>
      <c r="C298" s="55"/>
      <c r="D298" s="55"/>
      <c r="E298" s="55"/>
      <c r="F298" s="55"/>
      <c r="G298" s="55"/>
      <c r="H298" s="55"/>
      <c r="I298" s="55"/>
      <c r="J298" s="55"/>
      <c r="K298" s="55"/>
      <c r="L298" s="55"/>
      <c r="M298" s="55"/>
      <c r="N298" s="55"/>
      <c r="O298" s="55"/>
      <c r="P298" s="55"/>
      <c r="Q298" s="55"/>
    </row>
    <row r="299" spans="2:17" x14ac:dyDescent="0.2">
      <c r="B299" s="55"/>
      <c r="C299" s="55"/>
      <c r="D299" s="55"/>
      <c r="E299" s="55"/>
      <c r="F299" s="55"/>
      <c r="G299" s="55"/>
      <c r="H299" s="55"/>
      <c r="I299" s="55"/>
      <c r="J299" s="55"/>
      <c r="K299" s="55"/>
      <c r="L299" s="55"/>
      <c r="M299" s="55"/>
      <c r="N299" s="55"/>
      <c r="O299" s="55"/>
      <c r="P299" s="55"/>
      <c r="Q299" s="55"/>
    </row>
    <row r="300" spans="2:17" x14ac:dyDescent="0.2">
      <c r="B300" s="55"/>
      <c r="C300" s="55"/>
      <c r="D300" s="55"/>
      <c r="E300" s="55"/>
      <c r="F300" s="55"/>
      <c r="G300" s="55"/>
      <c r="H300" s="55"/>
      <c r="I300" s="55"/>
      <c r="J300" s="55"/>
      <c r="K300" s="55"/>
      <c r="L300" s="55"/>
      <c r="M300" s="55"/>
      <c r="N300" s="55"/>
      <c r="O300" s="55"/>
      <c r="P300" s="55"/>
      <c r="Q300" s="55"/>
    </row>
    <row r="301" spans="2:17" x14ac:dyDescent="0.2">
      <c r="B301" s="55"/>
      <c r="C301" s="55"/>
      <c r="D301" s="55"/>
      <c r="E301" s="55"/>
      <c r="F301" s="55"/>
      <c r="G301" s="55"/>
      <c r="H301" s="55"/>
      <c r="I301" s="55"/>
      <c r="J301" s="55"/>
      <c r="K301" s="55"/>
      <c r="L301" s="55"/>
      <c r="M301" s="55"/>
      <c r="N301" s="55"/>
      <c r="O301" s="55"/>
      <c r="P301" s="55"/>
      <c r="Q301" s="55"/>
    </row>
    <row r="302" spans="2:17" x14ac:dyDescent="0.2">
      <c r="B302" s="55"/>
      <c r="C302" s="55"/>
      <c r="D302" s="55"/>
      <c r="E302" s="55"/>
      <c r="F302" s="55"/>
      <c r="G302" s="55"/>
      <c r="H302" s="55"/>
      <c r="I302" s="55"/>
      <c r="J302" s="55"/>
      <c r="K302" s="55"/>
      <c r="L302" s="55"/>
      <c r="M302" s="55"/>
      <c r="N302" s="55"/>
      <c r="O302" s="55"/>
      <c r="P302" s="55"/>
      <c r="Q302" s="55"/>
    </row>
    <row r="303" spans="2:17" x14ac:dyDescent="0.2">
      <c r="B303" s="55"/>
      <c r="C303" s="55"/>
      <c r="D303" s="55"/>
      <c r="E303" s="55"/>
      <c r="F303" s="55"/>
      <c r="G303" s="55"/>
      <c r="H303" s="55"/>
      <c r="I303" s="55"/>
      <c r="J303" s="55"/>
      <c r="K303" s="55"/>
      <c r="L303" s="55"/>
      <c r="M303" s="55"/>
      <c r="N303" s="55"/>
      <c r="O303" s="55"/>
      <c r="P303" s="55"/>
      <c r="Q303" s="55"/>
    </row>
    <row r="304" spans="2:17" x14ac:dyDescent="0.2">
      <c r="B304" s="55"/>
      <c r="C304" s="55"/>
      <c r="D304" s="55"/>
      <c r="E304" s="55"/>
      <c r="F304" s="55"/>
      <c r="G304" s="55"/>
      <c r="H304" s="55"/>
      <c r="I304" s="55"/>
      <c r="J304" s="55"/>
      <c r="K304" s="55"/>
      <c r="L304" s="55"/>
      <c r="M304" s="55"/>
      <c r="N304" s="55"/>
      <c r="O304" s="55"/>
      <c r="P304" s="55"/>
      <c r="Q304" s="55"/>
    </row>
    <row r="305" spans="2:17" x14ac:dyDescent="0.2">
      <c r="B305" s="55"/>
      <c r="C305" s="55"/>
      <c r="D305" s="55"/>
      <c r="E305" s="55"/>
      <c r="F305" s="55"/>
      <c r="G305" s="55"/>
      <c r="H305" s="55"/>
      <c r="I305" s="55"/>
      <c r="J305" s="55"/>
      <c r="K305" s="55"/>
      <c r="L305" s="55"/>
      <c r="M305" s="55"/>
      <c r="N305" s="55"/>
      <c r="O305" s="55"/>
      <c r="P305" s="55"/>
      <c r="Q305" s="55"/>
    </row>
    <row r="306" spans="2:17" x14ac:dyDescent="0.2">
      <c r="B306" s="55"/>
      <c r="C306" s="55"/>
      <c r="D306" s="55"/>
      <c r="E306" s="55"/>
      <c r="F306" s="55"/>
      <c r="G306" s="55"/>
      <c r="H306" s="55"/>
      <c r="I306" s="55"/>
      <c r="J306" s="55"/>
      <c r="K306" s="55"/>
      <c r="L306" s="55"/>
      <c r="M306" s="55"/>
      <c r="N306" s="55"/>
      <c r="O306" s="55"/>
      <c r="P306" s="55"/>
      <c r="Q306" s="55"/>
    </row>
    <row r="307" spans="2:17" x14ac:dyDescent="0.2">
      <c r="B307" s="55"/>
      <c r="C307" s="55"/>
      <c r="D307" s="55"/>
      <c r="E307" s="55"/>
      <c r="F307" s="55"/>
      <c r="G307" s="55"/>
      <c r="H307" s="55"/>
      <c r="I307" s="55"/>
      <c r="J307" s="55"/>
      <c r="K307" s="55"/>
      <c r="L307" s="55"/>
      <c r="M307" s="55"/>
      <c r="N307" s="55"/>
      <c r="O307" s="55"/>
      <c r="P307" s="55"/>
      <c r="Q307" s="55"/>
    </row>
    <row r="308" spans="2:17" x14ac:dyDescent="0.2">
      <c r="B308" s="55"/>
      <c r="C308" s="55"/>
      <c r="D308" s="55"/>
      <c r="E308" s="55"/>
      <c r="F308" s="55"/>
      <c r="G308" s="55"/>
      <c r="H308" s="55"/>
      <c r="I308" s="55"/>
      <c r="J308" s="55"/>
      <c r="K308" s="55"/>
      <c r="L308" s="55"/>
      <c r="M308" s="55"/>
      <c r="N308" s="55"/>
      <c r="O308" s="55"/>
      <c r="P308" s="55"/>
      <c r="Q308" s="55"/>
    </row>
    <row r="309" spans="2:17" x14ac:dyDescent="0.2">
      <c r="B309" s="55"/>
      <c r="C309" s="55"/>
      <c r="D309" s="55"/>
      <c r="E309" s="55"/>
      <c r="F309" s="55"/>
      <c r="G309" s="55"/>
      <c r="H309" s="55"/>
      <c r="I309" s="55"/>
      <c r="J309" s="55"/>
      <c r="K309" s="55"/>
      <c r="L309" s="55"/>
      <c r="M309" s="55"/>
      <c r="N309" s="55"/>
      <c r="O309" s="55"/>
      <c r="P309" s="55"/>
      <c r="Q309" s="55"/>
    </row>
    <row r="310" spans="2:17" x14ac:dyDescent="0.2">
      <c r="B310" s="55"/>
      <c r="C310" s="55"/>
      <c r="D310" s="55"/>
      <c r="E310" s="55"/>
      <c r="F310" s="55"/>
      <c r="G310" s="55"/>
      <c r="H310" s="55"/>
      <c r="I310" s="55"/>
      <c r="J310" s="55"/>
      <c r="K310" s="55"/>
      <c r="L310" s="55"/>
      <c r="M310" s="55"/>
      <c r="N310" s="55"/>
      <c r="O310" s="55"/>
      <c r="P310" s="55"/>
      <c r="Q310" s="55"/>
    </row>
  </sheetData>
  <mergeCells count="280">
    <mergeCell ref="C281:I281"/>
    <mergeCell ref="K281:Q281"/>
    <mergeCell ref="C282:Q282"/>
    <mergeCell ref="B277:Q277"/>
    <mergeCell ref="J219:Q219"/>
    <mergeCell ref="K180:Q180"/>
    <mergeCell ref="K254:L254"/>
    <mergeCell ref="K255:L255"/>
    <mergeCell ref="K256:L256"/>
    <mergeCell ref="K249:L249"/>
    <mergeCell ref="K251:L251"/>
    <mergeCell ref="B258:Q258"/>
    <mergeCell ref="C260:I260"/>
    <mergeCell ref="K260:Q260"/>
    <mergeCell ref="C261:Q261"/>
    <mergeCell ref="C180:I180"/>
    <mergeCell ref="C184:I184"/>
    <mergeCell ref="I227:J228"/>
    <mergeCell ref="B226:Q226"/>
    <mergeCell ref="B227:B228"/>
    <mergeCell ref="C227:C228"/>
    <mergeCell ref="C194:I194"/>
    <mergeCell ref="C195:I195"/>
    <mergeCell ref="K250:L250"/>
    <mergeCell ref="K159:Q159"/>
    <mergeCell ref="K200:Q200"/>
    <mergeCell ref="C190:I190"/>
    <mergeCell ref="C196:Q196"/>
    <mergeCell ref="K195:Q195"/>
    <mergeCell ref="B279:Q279"/>
    <mergeCell ref="C280:I280"/>
    <mergeCell ref="K280:Q280"/>
    <mergeCell ref="B209:Q211"/>
    <mergeCell ref="C205:I205"/>
    <mergeCell ref="C199:I199"/>
    <mergeCell ref="C200:I200"/>
    <mergeCell ref="C204:I204"/>
    <mergeCell ref="B198:Q198"/>
    <mergeCell ref="C206:Q206"/>
    <mergeCell ref="B208:Q208"/>
    <mergeCell ref="K199:Q199"/>
    <mergeCell ref="C201:Q201"/>
    <mergeCell ref="B203:Q203"/>
    <mergeCell ref="K204:Q204"/>
    <mergeCell ref="K205:Q205"/>
    <mergeCell ref="D227:G227"/>
    <mergeCell ref="H227:H228"/>
    <mergeCell ref="M227:M228"/>
    <mergeCell ref="B146:Q156"/>
    <mergeCell ref="B159:J159"/>
    <mergeCell ref="K179:Q179"/>
    <mergeCell ref="B145:Q145"/>
    <mergeCell ref="B133:Q133"/>
    <mergeCell ref="C170:I170"/>
    <mergeCell ref="C185:I185"/>
    <mergeCell ref="C189:I189"/>
    <mergeCell ref="B126:F126"/>
    <mergeCell ref="B183:Q183"/>
    <mergeCell ref="C181:Q181"/>
    <mergeCell ref="C179:I179"/>
    <mergeCell ref="C174:I174"/>
    <mergeCell ref="C175:I175"/>
    <mergeCell ref="B166:Q166"/>
    <mergeCell ref="B167:Q167"/>
    <mergeCell ref="B168:Q168"/>
    <mergeCell ref="K169:Q169"/>
    <mergeCell ref="K170:Q170"/>
    <mergeCell ref="C169:I169"/>
    <mergeCell ref="I140:N140"/>
    <mergeCell ref="I141:N141"/>
    <mergeCell ref="I142:N142"/>
    <mergeCell ref="I143:N143"/>
    <mergeCell ref="B6:K8"/>
    <mergeCell ref="L9:Q9"/>
    <mergeCell ref="C11:Q11"/>
    <mergeCell ref="L8:Q8"/>
    <mergeCell ref="D17:I17"/>
    <mergeCell ref="D18:I18"/>
    <mergeCell ref="J17:K17"/>
    <mergeCell ref="J18:K18"/>
    <mergeCell ref="J19:K19"/>
    <mergeCell ref="L17:Q17"/>
    <mergeCell ref="L18:Q18"/>
    <mergeCell ref="L7:Q7"/>
    <mergeCell ref="B12:C12"/>
    <mergeCell ref="B13:C13"/>
    <mergeCell ref="K12:L12"/>
    <mergeCell ref="K13:L13"/>
    <mergeCell ref="D12:J12"/>
    <mergeCell ref="D13:J13"/>
    <mergeCell ref="B14:C14"/>
    <mergeCell ref="D14:Q14"/>
    <mergeCell ref="B15:Q15"/>
    <mergeCell ref="L19:Q19"/>
    <mergeCell ref="B17:C17"/>
    <mergeCell ref="B18:C18"/>
    <mergeCell ref="B3:Q3"/>
    <mergeCell ref="B4:Q4"/>
    <mergeCell ref="L5:Q5"/>
    <mergeCell ref="L6:Q6"/>
    <mergeCell ref="B123:Q123"/>
    <mergeCell ref="B121:F121"/>
    <mergeCell ref="G121:J121"/>
    <mergeCell ref="M12:Q12"/>
    <mergeCell ref="M13:Q13"/>
    <mergeCell ref="B82:Q82"/>
    <mergeCell ref="B20:Q20"/>
    <mergeCell ref="B21:Q21"/>
    <mergeCell ref="D19:I19"/>
    <mergeCell ref="I102:J102"/>
    <mergeCell ref="I103:J103"/>
    <mergeCell ref="B22:Q23"/>
    <mergeCell ref="B19:C19"/>
    <mergeCell ref="B16:Q16"/>
    <mergeCell ref="B24:Q24"/>
    <mergeCell ref="B116:F116"/>
    <mergeCell ref="G116:J116"/>
    <mergeCell ref="B119:F119"/>
    <mergeCell ref="B120:F120"/>
    <mergeCell ref="G120:I120"/>
    <mergeCell ref="G119:I119"/>
    <mergeCell ref="B131:F131"/>
    <mergeCell ref="B130:F130"/>
    <mergeCell ref="B129:F129"/>
    <mergeCell ref="B128:F128"/>
    <mergeCell ref="B127:F127"/>
    <mergeCell ref="I101:J101"/>
    <mergeCell ref="B125:F125"/>
    <mergeCell ref="I108:J108"/>
    <mergeCell ref="I109:J109"/>
    <mergeCell ref="G125:J125"/>
    <mergeCell ref="G124:J124"/>
    <mergeCell ref="B124:F124"/>
    <mergeCell ref="G131:J131"/>
    <mergeCell ref="G130:J130"/>
    <mergeCell ref="G128:J128"/>
    <mergeCell ref="G127:J127"/>
    <mergeCell ref="G126:J126"/>
    <mergeCell ref="B83:Q83"/>
    <mergeCell ref="B84:Q84"/>
    <mergeCell ref="B81:Q81"/>
    <mergeCell ref="B87:F87"/>
    <mergeCell ref="G87:J87"/>
    <mergeCell ref="B97:F97"/>
    <mergeCell ref="I97:J97"/>
    <mergeCell ref="B85:Q85"/>
    <mergeCell ref="B94:F94"/>
    <mergeCell ref="B93:F93"/>
    <mergeCell ref="G94:J94"/>
    <mergeCell ref="G93:J93"/>
    <mergeCell ref="B88:F88"/>
    <mergeCell ref="G88:J88"/>
    <mergeCell ref="B89:F89"/>
    <mergeCell ref="G89:J89"/>
    <mergeCell ref="K236:L236"/>
    <mergeCell ref="R3:R5"/>
    <mergeCell ref="I111:J111"/>
    <mergeCell ref="I112:J112"/>
    <mergeCell ref="I113:J113"/>
    <mergeCell ref="I114:J114"/>
    <mergeCell ref="B118:Q118"/>
    <mergeCell ref="B29:Q29"/>
    <mergeCell ref="B25:Q25"/>
    <mergeCell ref="B86:F86"/>
    <mergeCell ref="G86:J86"/>
    <mergeCell ref="B26:I27"/>
    <mergeCell ref="J26:Q27"/>
    <mergeCell ref="B91:Q91"/>
    <mergeCell ref="B92:Q92"/>
    <mergeCell ref="I115:J115"/>
    <mergeCell ref="I105:J105"/>
    <mergeCell ref="I106:J106"/>
    <mergeCell ref="I107:J107"/>
    <mergeCell ref="B100:F100"/>
    <mergeCell ref="I100:J100"/>
    <mergeCell ref="I104:J104"/>
    <mergeCell ref="I110:J110"/>
    <mergeCell ref="B96:Q96"/>
    <mergeCell ref="B219:I219"/>
    <mergeCell ref="N227:N228"/>
    <mergeCell ref="K227:L228"/>
    <mergeCell ref="C259:I259"/>
    <mergeCell ref="K259:Q259"/>
    <mergeCell ref="K252:L252"/>
    <mergeCell ref="K248:L248"/>
    <mergeCell ref="P227:P228"/>
    <mergeCell ref="Q227:Q228"/>
    <mergeCell ref="K253:L253"/>
    <mergeCell ref="O227:O228"/>
    <mergeCell ref="K239:L239"/>
    <mergeCell ref="K240:L240"/>
    <mergeCell ref="K241:L241"/>
    <mergeCell ref="K242:L242"/>
    <mergeCell ref="K243:L243"/>
    <mergeCell ref="K244:L244"/>
    <mergeCell ref="K245:L245"/>
    <mergeCell ref="K246:L246"/>
    <mergeCell ref="K247:L247"/>
    <mergeCell ref="K232:L232"/>
    <mergeCell ref="K233:L233"/>
    <mergeCell ref="K234:L234"/>
    <mergeCell ref="K235:L235"/>
    <mergeCell ref="K190:Q190"/>
    <mergeCell ref="C191:Q191"/>
    <mergeCell ref="C186:Q186"/>
    <mergeCell ref="K185:Q185"/>
    <mergeCell ref="K184:Q184"/>
    <mergeCell ref="B224:C224"/>
    <mergeCell ref="D224:H224"/>
    <mergeCell ref="J224:P224"/>
    <mergeCell ref="B213:Q213"/>
    <mergeCell ref="B214:Q214"/>
    <mergeCell ref="B215:Q215"/>
    <mergeCell ref="B220:Q220"/>
    <mergeCell ref="B221:C221"/>
    <mergeCell ref="D221:H221"/>
    <mergeCell ref="J221:P221"/>
    <mergeCell ref="B222:C222"/>
    <mergeCell ref="D222:H222"/>
    <mergeCell ref="J222:P222"/>
    <mergeCell ref="B223:C223"/>
    <mergeCell ref="D223:H223"/>
    <mergeCell ref="J223:P223"/>
    <mergeCell ref="B216:Q216"/>
    <mergeCell ref="B218:I218"/>
    <mergeCell ref="J218:Q218"/>
    <mergeCell ref="B161:F161"/>
    <mergeCell ref="B162:F162"/>
    <mergeCell ref="B163:F163"/>
    <mergeCell ref="K160:P160"/>
    <mergeCell ref="K161:P161"/>
    <mergeCell ref="K162:P162"/>
    <mergeCell ref="K163:P163"/>
    <mergeCell ref="B188:Q188"/>
    <mergeCell ref="K189:Q189"/>
    <mergeCell ref="K273:L273"/>
    <mergeCell ref="K274:L274"/>
    <mergeCell ref="K275:L275"/>
    <mergeCell ref="B264:Q264"/>
    <mergeCell ref="B265:B266"/>
    <mergeCell ref="C265:C266"/>
    <mergeCell ref="D265:G265"/>
    <mergeCell ref="H265:H266"/>
    <mergeCell ref="I265:J266"/>
    <mergeCell ref="K265:L266"/>
    <mergeCell ref="M265:M266"/>
    <mergeCell ref="N265:N266"/>
    <mergeCell ref="O265:O266"/>
    <mergeCell ref="P265:P266"/>
    <mergeCell ref="Q265:Q266"/>
    <mergeCell ref="K267:L267"/>
    <mergeCell ref="K268:L268"/>
    <mergeCell ref="K269:L269"/>
    <mergeCell ref="K270:L270"/>
    <mergeCell ref="K271:L271"/>
    <mergeCell ref="K272:L272"/>
    <mergeCell ref="K237:L237"/>
    <mergeCell ref="K238:L238"/>
    <mergeCell ref="I136:M136"/>
    <mergeCell ref="I135:N135"/>
    <mergeCell ref="I137:N137"/>
    <mergeCell ref="B98:F98"/>
    <mergeCell ref="B99:F99"/>
    <mergeCell ref="K229:L229"/>
    <mergeCell ref="K230:L230"/>
    <mergeCell ref="K231:L231"/>
    <mergeCell ref="I134:Q134"/>
    <mergeCell ref="G129:J129"/>
    <mergeCell ref="I138:N138"/>
    <mergeCell ref="I139:N139"/>
    <mergeCell ref="K194:Q194"/>
    <mergeCell ref="B193:Q193"/>
    <mergeCell ref="C171:Q171"/>
    <mergeCell ref="C176:Q176"/>
    <mergeCell ref="K175:Q175"/>
    <mergeCell ref="K174:Q174"/>
    <mergeCell ref="B173:Q173"/>
    <mergeCell ref="B178:Q178"/>
    <mergeCell ref="B158:Q158"/>
    <mergeCell ref="B160:F160"/>
  </mergeCells>
  <phoneticPr fontId="41" type="noConversion"/>
  <conditionalFormatting sqref="L17:L19 J17:J19">
    <cfRule type="containsBlanks" dxfId="291" priority="1236">
      <formula>LEN(TRIM(J17))=0</formula>
    </cfRule>
  </conditionalFormatting>
  <conditionalFormatting sqref="D14:F14">
    <cfRule type="containsBlanks" dxfId="290" priority="1235">
      <formula>LEN(TRIM(D14))=0</formula>
    </cfRule>
  </conditionalFormatting>
  <conditionalFormatting sqref="B26">
    <cfRule type="containsBlanks" dxfId="289" priority="883">
      <formula>LEN(TRIM(B26))=0</formula>
    </cfRule>
  </conditionalFormatting>
  <conditionalFormatting sqref="J26">
    <cfRule type="containsBlanks" dxfId="288" priority="870">
      <formula>LEN(TRIM(J26))=0</formula>
    </cfRule>
  </conditionalFormatting>
  <conditionalFormatting sqref="D17:F19">
    <cfRule type="containsBlanks" dxfId="287" priority="1237">
      <formula>LEN(TRIM(D17))=0</formula>
    </cfRule>
  </conditionalFormatting>
  <conditionalFormatting sqref="B82">
    <cfRule type="containsBlanks" dxfId="286" priority="1245">
      <formula>LEN(TRIM(B82))=0</formula>
    </cfRule>
  </conditionalFormatting>
  <conditionalFormatting sqref="G145">
    <cfRule type="containsBlanks" dxfId="285" priority="619">
      <formula>LEN(TRIM(G145))=0</formula>
    </cfRule>
  </conditionalFormatting>
  <conditionalFormatting sqref="B22">
    <cfRule type="containsBlanks" dxfId="284" priority="393">
      <formula>LEN(TRIM(B22))=0</formula>
    </cfRule>
  </conditionalFormatting>
  <conditionalFormatting sqref="K199">
    <cfRule type="containsBlanks" dxfId="283" priority="398">
      <formula>LEN(TRIM(K199))=0</formula>
    </cfRule>
  </conditionalFormatting>
  <conditionalFormatting sqref="K194">
    <cfRule type="containsBlanks" dxfId="282" priority="400">
      <formula>LEN(TRIM(K194))=0</formula>
    </cfRule>
  </conditionalFormatting>
  <conditionalFormatting sqref="C170">
    <cfRule type="containsBlanks" dxfId="281" priority="390">
      <formula>LEN(TRIM(C170))=0</formula>
    </cfRule>
  </conditionalFormatting>
  <conditionalFormatting sqref="K204">
    <cfRule type="containsBlanks" dxfId="280" priority="396">
      <formula>LEN(TRIM(K204))=0</formula>
    </cfRule>
  </conditionalFormatting>
  <conditionalFormatting sqref="C185">
    <cfRule type="containsBlanks" dxfId="279" priority="443">
      <formula>LEN(TRIM(C185))=0</formula>
    </cfRule>
  </conditionalFormatting>
  <conditionalFormatting sqref="C189">
    <cfRule type="containsBlanks" dxfId="278" priority="1242">
      <formula>LEN(TRIM(C189))=0</formula>
    </cfRule>
  </conditionalFormatting>
  <conditionalFormatting sqref="C190">
    <cfRule type="containsBlanks" dxfId="277" priority="441">
      <formula>LEN(TRIM(C190))=0</formula>
    </cfRule>
  </conditionalFormatting>
  <conditionalFormatting sqref="C194">
    <cfRule type="containsBlanks" dxfId="276" priority="440">
      <formula>LEN(TRIM(C194))=0</formula>
    </cfRule>
  </conditionalFormatting>
  <conditionalFormatting sqref="C195">
    <cfRule type="containsBlanks" dxfId="275" priority="439">
      <formula>LEN(TRIM(C195))=0</formula>
    </cfRule>
  </conditionalFormatting>
  <conditionalFormatting sqref="C200">
    <cfRule type="containsBlanks" dxfId="274" priority="437">
      <formula>LEN(TRIM(C200))=0</formula>
    </cfRule>
  </conditionalFormatting>
  <conditionalFormatting sqref="C181">
    <cfRule type="containsBlanks" dxfId="273" priority="435">
      <formula>LEN(TRIM(C181))=0</formula>
    </cfRule>
  </conditionalFormatting>
  <conditionalFormatting sqref="C174">
    <cfRule type="containsBlanks" dxfId="272" priority="451">
      <formula>LEN(TRIM(C174))=0</formula>
    </cfRule>
  </conditionalFormatting>
  <conditionalFormatting sqref="C175">
    <cfRule type="containsBlanks" dxfId="271" priority="450">
      <formula>LEN(TRIM(C175))=0</formula>
    </cfRule>
  </conditionalFormatting>
  <conditionalFormatting sqref="C176">
    <cfRule type="containsBlanks" dxfId="270" priority="449">
      <formula>LEN(TRIM(C176))=0</formula>
    </cfRule>
  </conditionalFormatting>
  <conditionalFormatting sqref="C179">
    <cfRule type="containsBlanks" dxfId="269" priority="448">
      <formula>LEN(TRIM(C179))=0</formula>
    </cfRule>
  </conditionalFormatting>
  <conditionalFormatting sqref="C180">
    <cfRule type="containsBlanks" dxfId="268" priority="447">
      <formula>LEN(TRIM(C180))=0</formula>
    </cfRule>
  </conditionalFormatting>
  <conditionalFormatting sqref="C191">
    <cfRule type="containsBlanks" dxfId="267" priority="431">
      <formula>LEN(TRIM(C191))=0</formula>
    </cfRule>
  </conditionalFormatting>
  <conditionalFormatting sqref="C186">
    <cfRule type="containsBlanks" dxfId="266" priority="433">
      <formula>LEN(TRIM(C186))=0</formula>
    </cfRule>
  </conditionalFormatting>
  <conditionalFormatting sqref="C196">
    <cfRule type="containsBlanks" dxfId="265" priority="429">
      <formula>LEN(TRIM(C196))=0</formula>
    </cfRule>
  </conditionalFormatting>
  <conditionalFormatting sqref="C201">
    <cfRule type="containsBlanks" dxfId="264" priority="427">
      <formula>LEN(TRIM(C201))=0</formula>
    </cfRule>
  </conditionalFormatting>
  <conditionalFormatting sqref="C205">
    <cfRule type="containsBlanks" dxfId="263" priority="424">
      <formula>LEN(TRIM(C205))=0</formula>
    </cfRule>
  </conditionalFormatting>
  <conditionalFormatting sqref="C204">
    <cfRule type="containsBlanks" dxfId="262" priority="425">
      <formula>LEN(TRIM(C204))=0</formula>
    </cfRule>
  </conditionalFormatting>
  <conditionalFormatting sqref="C206">
    <cfRule type="containsBlanks" dxfId="261" priority="423">
      <formula>LEN(TRIM(C206))=0</formula>
    </cfRule>
  </conditionalFormatting>
  <conditionalFormatting sqref="K174">
    <cfRule type="containsBlanks" dxfId="260" priority="421">
      <formula>LEN(TRIM(K174))=0</formula>
    </cfRule>
  </conditionalFormatting>
  <conditionalFormatting sqref="C169">
    <cfRule type="containsBlanks" dxfId="259" priority="1241">
      <formula>LEN(TRIM(C169))=0</formula>
    </cfRule>
  </conditionalFormatting>
  <conditionalFormatting sqref="C171">
    <cfRule type="containsBlanks" dxfId="258" priority="389">
      <formula>LEN(TRIM(C171))=0</formula>
    </cfRule>
  </conditionalFormatting>
  <conditionalFormatting sqref="K179">
    <cfRule type="containsBlanks" dxfId="257" priority="406">
      <formula>LEN(TRIM(K179))=0</formula>
    </cfRule>
  </conditionalFormatting>
  <conditionalFormatting sqref="K184">
    <cfRule type="containsBlanks" dxfId="256" priority="404">
      <formula>LEN(TRIM(K184))=0</formula>
    </cfRule>
  </conditionalFormatting>
  <conditionalFormatting sqref="K189">
    <cfRule type="containsBlanks" dxfId="255" priority="402">
      <formula>LEN(TRIM(K189))=0</formula>
    </cfRule>
  </conditionalFormatting>
  <conditionalFormatting sqref="C184">
    <cfRule type="containsBlanks" dxfId="254" priority="1243">
      <formula>LEN(TRIM(C184))=0</formula>
    </cfRule>
  </conditionalFormatting>
  <conditionalFormatting sqref="K175">
    <cfRule type="containsBlanks" dxfId="253" priority="385">
      <formula>LEN(TRIM(K175))=0</formula>
    </cfRule>
  </conditionalFormatting>
  <conditionalFormatting sqref="K169">
    <cfRule type="containsBlanks" dxfId="252" priority="387">
      <formula>LEN(TRIM(K169))=0</formula>
    </cfRule>
  </conditionalFormatting>
  <conditionalFormatting sqref="K170">
    <cfRule type="containsBlanks" dxfId="251" priority="386">
      <formula>LEN(TRIM(K170))=0</formula>
    </cfRule>
  </conditionalFormatting>
  <conditionalFormatting sqref="K180">
    <cfRule type="containsBlanks" dxfId="250" priority="384">
      <formula>LEN(TRIM(K180))=0</formula>
    </cfRule>
  </conditionalFormatting>
  <conditionalFormatting sqref="K185">
    <cfRule type="containsBlanks" dxfId="249" priority="383">
      <formula>LEN(TRIM(K185))=0</formula>
    </cfRule>
  </conditionalFormatting>
  <conditionalFormatting sqref="K190">
    <cfRule type="containsBlanks" dxfId="248" priority="382">
      <formula>LEN(TRIM(K190))=0</formula>
    </cfRule>
  </conditionalFormatting>
  <conditionalFormatting sqref="K205">
    <cfRule type="containsBlanks" dxfId="247" priority="380">
      <formula>LEN(TRIM(K205))=0</formula>
    </cfRule>
  </conditionalFormatting>
  <conditionalFormatting sqref="D69:I69">
    <cfRule type="containsBlanks" dxfId="246" priority="299">
      <formula>LEN(TRIM(D69))=0</formula>
    </cfRule>
  </conditionalFormatting>
  <conditionalFormatting sqref="D68:I68">
    <cfRule type="containsBlanks" dxfId="245" priority="298">
      <formula>LEN(TRIM(D68))=0</formula>
    </cfRule>
  </conditionalFormatting>
  <conditionalFormatting sqref="K76:K77 K79">
    <cfRule type="containsBlanks" dxfId="244" priority="290">
      <formula>LEN(TRIM(K76))=0</formula>
    </cfRule>
  </conditionalFormatting>
  <conditionalFormatting sqref="J68:J75">
    <cfRule type="containsBlanks" dxfId="243" priority="296">
      <formula>LEN(TRIM(J68))=0</formula>
    </cfRule>
  </conditionalFormatting>
  <conditionalFormatting sqref="D77:I77 D79:I79">
    <cfRule type="containsBlanks" dxfId="242" priority="293">
      <formula>LEN(TRIM(D77))=0</formula>
    </cfRule>
  </conditionalFormatting>
  <conditionalFormatting sqref="D70:I70">
    <cfRule type="containsBlanks" dxfId="241" priority="300">
      <formula>LEN(TRIM(D70))=0</formula>
    </cfRule>
  </conditionalFormatting>
  <conditionalFormatting sqref="K68:K75">
    <cfRule type="containsBlanks" dxfId="240" priority="295">
      <formula>LEN(TRIM(K68))=0</formula>
    </cfRule>
  </conditionalFormatting>
  <conditionalFormatting sqref="L68:Q73 M74:M75 L74:L77 P74:Q75 N74:O77 N79:O79 L79">
    <cfRule type="containsBlanks" dxfId="239" priority="294">
      <formula>LEN(TRIM(L68))=0</formula>
    </cfRule>
  </conditionalFormatting>
  <conditionalFormatting sqref="B68:B77 B79">
    <cfRule type="containsBlanks" dxfId="238" priority="288">
      <formula>LEN(TRIM(B68))=0</formula>
    </cfRule>
  </conditionalFormatting>
  <conditionalFormatting sqref="B104:B115">
    <cfRule type="containsBlanks" dxfId="237" priority="283">
      <formula>LEN(TRIM(B104))=0</formula>
    </cfRule>
  </conditionalFormatting>
  <conditionalFormatting sqref="G104:G115">
    <cfRule type="containsBlanks" dxfId="236" priority="281">
      <formula>LEN(TRIM(G104))=0</formula>
    </cfRule>
  </conditionalFormatting>
  <conditionalFormatting sqref="H104:H115">
    <cfRule type="containsBlanks" dxfId="235" priority="278">
      <formula>LEN(TRIM(H104))=0</formula>
    </cfRule>
  </conditionalFormatting>
  <conditionalFormatting sqref="D74:I75 C68:C77 C79">
    <cfRule type="containsBlanks" dxfId="234" priority="304">
      <formula>LEN(TRIM(C68))=0</formula>
    </cfRule>
  </conditionalFormatting>
  <conditionalFormatting sqref="D73:I73">
    <cfRule type="containsBlanks" dxfId="233" priority="303">
      <formula>LEN(TRIM(D73))=0</formula>
    </cfRule>
  </conditionalFormatting>
  <conditionalFormatting sqref="D72:I72">
    <cfRule type="containsBlanks" dxfId="232" priority="302">
      <formula>LEN(TRIM(D72))=0</formula>
    </cfRule>
  </conditionalFormatting>
  <conditionalFormatting sqref="B121">
    <cfRule type="containsBlanks" dxfId="231" priority="270">
      <formula>LEN(TRIM(B121))=0</formula>
    </cfRule>
  </conditionalFormatting>
  <conditionalFormatting sqref="B116">
    <cfRule type="containsBlanks" dxfId="230" priority="323">
      <formula>LEN(TRIM(B116))=0</formula>
    </cfRule>
  </conditionalFormatting>
  <conditionalFormatting sqref="D76:I76">
    <cfRule type="containsBlanks" dxfId="229" priority="292">
      <formula>LEN(TRIM(D76))=0</formula>
    </cfRule>
  </conditionalFormatting>
  <conditionalFormatting sqref="J76:J77 J79">
    <cfRule type="containsBlanks" dxfId="228" priority="291">
      <formula>LEN(TRIM(J76))=0</formula>
    </cfRule>
  </conditionalFormatting>
  <conditionalFormatting sqref="I104 I106 I108 I110 I112 I114">
    <cfRule type="containsBlanks" dxfId="227" priority="276">
      <formula>LEN(TRIM(I104))=0</formula>
    </cfRule>
  </conditionalFormatting>
  <conditionalFormatting sqref="I105 I107 I109 I111 I113 I115">
    <cfRule type="containsBlanks" dxfId="226" priority="275">
      <formula>LEN(TRIM(I105))=0</formula>
    </cfRule>
  </conditionalFormatting>
  <conditionalFormatting sqref="D71:I71">
    <cfRule type="containsBlanks" dxfId="225" priority="301">
      <formula>LEN(TRIM(D71))=0</formula>
    </cfRule>
  </conditionalFormatting>
  <conditionalFormatting sqref="M76:M77 P76:Q77 P79:Q79 M79">
    <cfRule type="containsBlanks" dxfId="224" priority="289">
      <formula>LEN(TRIM(M76))=0</formula>
    </cfRule>
  </conditionalFormatting>
  <conditionalFormatting sqref="O248:O252">
    <cfRule type="containsBlanks" dxfId="223" priority="1239">
      <formula>LEN(TRIM(O248))=0</formula>
    </cfRule>
  </conditionalFormatting>
  <conditionalFormatting sqref="C260">
    <cfRule type="containsBlanks" dxfId="222" priority="227">
      <formula>LEN(TRIM(C260))=0</formula>
    </cfRule>
  </conditionalFormatting>
  <conditionalFormatting sqref="K260">
    <cfRule type="containsBlanks" dxfId="221" priority="224">
      <formula>LEN(TRIM(K260))=0</formula>
    </cfRule>
  </conditionalFormatting>
  <conditionalFormatting sqref="C261">
    <cfRule type="containsBlanks" dxfId="220" priority="223">
      <formula>LEN(TRIM(C261))=0</formula>
    </cfRule>
  </conditionalFormatting>
  <conditionalFormatting sqref="C259">
    <cfRule type="containsBlanks" dxfId="219" priority="226">
      <formula>LEN(TRIM(C259))=0</formula>
    </cfRule>
  </conditionalFormatting>
  <conditionalFormatting sqref="K259">
    <cfRule type="containsBlanks" dxfId="218" priority="225">
      <formula>LEN(TRIM(K259))=0</formula>
    </cfRule>
  </conditionalFormatting>
  <conditionalFormatting sqref="D12:F12">
    <cfRule type="containsBlanks" dxfId="217" priority="222">
      <formula>LEN(TRIM(D12))=0</formula>
    </cfRule>
  </conditionalFormatting>
  <conditionalFormatting sqref="H100:H102">
    <cfRule type="containsBlanks" dxfId="216" priority="179">
      <formula>LEN(TRIM(H100))=0</formula>
    </cfRule>
  </conditionalFormatting>
  <conditionalFormatting sqref="D13:F13">
    <cfRule type="containsBlanks" dxfId="215" priority="220">
      <formula>LEN(TRIM(D13))=0</formula>
    </cfRule>
  </conditionalFormatting>
  <conditionalFormatting sqref="C11">
    <cfRule type="containsBlanks" dxfId="214" priority="219">
      <formula>LEN(TRIM(C11))=0</formula>
    </cfRule>
  </conditionalFormatting>
  <conditionalFormatting sqref="M12">
    <cfRule type="containsBlanks" dxfId="213" priority="218">
      <formula>LEN(TRIM(M12))=0</formula>
    </cfRule>
  </conditionalFormatting>
  <conditionalFormatting sqref="M13">
    <cfRule type="containsBlanks" dxfId="212" priority="1244">
      <formula>LEN(TRIM(M13))=0</formula>
    </cfRule>
  </conditionalFormatting>
  <conditionalFormatting sqref="M49:M58 O49:O58">
    <cfRule type="containsBlanks" dxfId="211" priority="213">
      <formula>LEN(TRIM(M49))=0</formula>
    </cfRule>
  </conditionalFormatting>
  <conditionalFormatting sqref="E50:E54 D58:H58 D55:E57 G50:H57">
    <cfRule type="containsBlanks" dxfId="210" priority="197">
      <formula>LEN(TRIM(D50))=0</formula>
    </cfRule>
  </conditionalFormatting>
  <conditionalFormatting sqref="B100">
    <cfRule type="containsBlanks" dxfId="209" priority="192">
      <formula>LEN(TRIM(B100))=0</formula>
    </cfRule>
  </conditionalFormatting>
  <conditionalFormatting sqref="B103">
    <cfRule type="containsBlanks" dxfId="208" priority="191">
      <formula>LEN(TRIM(B103))=0</formula>
    </cfRule>
  </conditionalFormatting>
  <conditionalFormatting sqref="I49:K58">
    <cfRule type="containsBlanks" dxfId="207" priority="196">
      <formula>LEN(TRIM(I49))=0</formula>
    </cfRule>
  </conditionalFormatting>
  <conditionalFormatting sqref="P49:Q58">
    <cfRule type="containsBlanks" dxfId="206" priority="195">
      <formula>LEN(TRIM(P49))=0</formula>
    </cfRule>
  </conditionalFormatting>
  <conditionalFormatting sqref="L49:L58">
    <cfRule type="containsBlanks" dxfId="205" priority="194">
      <formula>LEN(TRIM(L49))=0</formula>
    </cfRule>
  </conditionalFormatting>
  <conditionalFormatting sqref="G93:G94">
    <cfRule type="containsBlanks" dxfId="204" priority="193">
      <formula>LEN(TRIM(G93))=0</formula>
    </cfRule>
  </conditionalFormatting>
  <conditionalFormatting sqref="G100">
    <cfRule type="containsBlanks" dxfId="203" priority="190">
      <formula>LEN(TRIM(G100))=0</formula>
    </cfRule>
  </conditionalFormatting>
  <conditionalFormatting sqref="G103">
    <cfRule type="containsBlanks" dxfId="202" priority="189">
      <formula>LEN(TRIM(G103))=0</formula>
    </cfRule>
  </conditionalFormatting>
  <conditionalFormatting sqref="H103">
    <cfRule type="containsBlanks" dxfId="201" priority="188">
      <formula>LEN(TRIM(H103))=0</formula>
    </cfRule>
  </conditionalFormatting>
  <conditionalFormatting sqref="I100">
    <cfRule type="containsBlanks" dxfId="200" priority="187">
      <formula>LEN(TRIM(I100))=0</formula>
    </cfRule>
  </conditionalFormatting>
  <conditionalFormatting sqref="I103">
    <cfRule type="containsBlanks" dxfId="199" priority="186">
      <formula>LEN(TRIM(I103))=0</formula>
    </cfRule>
  </conditionalFormatting>
  <conditionalFormatting sqref="B102">
    <cfRule type="containsBlanks" dxfId="198" priority="185">
      <formula>LEN(TRIM(B102))=0</formula>
    </cfRule>
  </conditionalFormatting>
  <conditionalFormatting sqref="G102">
    <cfRule type="containsBlanks" dxfId="197" priority="184">
      <formula>LEN(TRIM(G102))=0</formula>
    </cfRule>
  </conditionalFormatting>
  <conditionalFormatting sqref="I102">
    <cfRule type="containsBlanks" dxfId="196" priority="183">
      <formula>LEN(TRIM(I102))=0</formula>
    </cfRule>
  </conditionalFormatting>
  <conditionalFormatting sqref="B101">
    <cfRule type="containsBlanks" dxfId="195" priority="182">
      <formula>LEN(TRIM(B101))=0</formula>
    </cfRule>
  </conditionalFormatting>
  <conditionalFormatting sqref="G101">
    <cfRule type="containsBlanks" dxfId="194" priority="181">
      <formula>LEN(TRIM(G101))=0</formula>
    </cfRule>
  </conditionalFormatting>
  <conditionalFormatting sqref="I101">
    <cfRule type="containsBlanks" dxfId="193" priority="180">
      <formula>LEN(TRIM(I101))=0</formula>
    </cfRule>
  </conditionalFormatting>
  <conditionalFormatting sqref="J119:J120">
    <cfRule type="containsBlanks" dxfId="192" priority="177">
      <formula>LEN(TRIM(J119))=0</formula>
    </cfRule>
  </conditionalFormatting>
  <conditionalFormatting sqref="G121">
    <cfRule type="containsBlanks" dxfId="191" priority="176">
      <formula>LEN(TRIM(G121))=0</formula>
    </cfRule>
  </conditionalFormatting>
  <conditionalFormatting sqref="B215">
    <cfRule type="containsBlanks" dxfId="190" priority="1238">
      <formula>LEN(TRIM(B215))=0</formula>
    </cfRule>
  </conditionalFormatting>
  <conditionalFormatting sqref="J222:J224">
    <cfRule type="containsBlanks" dxfId="189" priority="152">
      <formula>LEN(TRIM(J222))=0</formula>
    </cfRule>
  </conditionalFormatting>
  <conditionalFormatting sqref="Q222:Q223">
    <cfRule type="containsBlanks" dxfId="188" priority="151">
      <formula>LEN(TRIM(Q222))=0</formula>
    </cfRule>
  </conditionalFormatting>
  <conditionalFormatting sqref="Q224">
    <cfRule type="containsBlanks" dxfId="187" priority="150">
      <formula>LEN(TRIM(Q224))=0</formula>
    </cfRule>
  </conditionalFormatting>
  <conditionalFormatting sqref="I222:I224">
    <cfRule type="containsBlanks" dxfId="186" priority="149">
      <formula>LEN(TRIM(I222))=0</formula>
    </cfRule>
  </conditionalFormatting>
  <conditionalFormatting sqref="G86:G87">
    <cfRule type="containsBlanks" dxfId="185" priority="147">
      <formula>LEN(TRIM(G86))=0</formula>
    </cfRule>
  </conditionalFormatting>
  <conditionalFormatting sqref="B146">
    <cfRule type="containsBlanks" dxfId="184" priority="145">
      <formula>LEN(TRIM(B146))=0</formula>
    </cfRule>
  </conditionalFormatting>
  <conditionalFormatting sqref="O253:O254">
    <cfRule type="containsBlanks" dxfId="183" priority="131">
      <formula>LEN(TRIM(O253))=0</formula>
    </cfRule>
  </conditionalFormatting>
  <conditionalFormatting sqref="B209">
    <cfRule type="containsBlanks" dxfId="182" priority="143">
      <formula>LEN(TRIM(B209))=0</formula>
    </cfRule>
  </conditionalFormatting>
  <conditionalFormatting sqref="D224:H224">
    <cfRule type="containsBlanks" dxfId="181" priority="142">
      <formula>LEN(TRIM(D224))=0</formula>
    </cfRule>
  </conditionalFormatting>
  <conditionalFormatting sqref="O255">
    <cfRule type="containsBlanks" dxfId="180" priority="139">
      <formula>LEN(TRIM(O255))=0</formula>
    </cfRule>
  </conditionalFormatting>
  <conditionalFormatting sqref="O256">
    <cfRule type="containsBlanks" dxfId="179" priority="135">
      <formula>LEN(TRIM(O256))=0</formula>
    </cfRule>
  </conditionalFormatting>
  <conditionalFormatting sqref="E49 G49:H49">
    <cfRule type="containsBlanks" dxfId="178" priority="113">
      <formula>LEN(TRIM(E49))=0</formula>
    </cfRule>
  </conditionalFormatting>
  <conditionalFormatting sqref="Q49:Q58">
    <cfRule type="expression" dxfId="177" priority="123">
      <formula>IF(P49="",FALSE,IF(K49&lt;&gt;P49,TRUE,FALSE))</formula>
    </cfRule>
  </conditionalFormatting>
  <conditionalFormatting sqref="D78:I78">
    <cfRule type="containsBlanks" dxfId="176" priority="110">
      <formula>LEN(TRIM(D78))=0</formula>
    </cfRule>
  </conditionalFormatting>
  <conditionalFormatting sqref="L78 N78:O78">
    <cfRule type="containsBlanks" dxfId="175" priority="111">
      <formula>LEN(TRIM(L78))=0</formula>
    </cfRule>
  </conditionalFormatting>
  <conditionalFormatting sqref="B78">
    <cfRule type="containsBlanks" dxfId="174" priority="106">
      <formula>LEN(TRIM(B78))=0</formula>
    </cfRule>
  </conditionalFormatting>
  <conditionalFormatting sqref="C78">
    <cfRule type="containsBlanks" dxfId="173" priority="112">
      <formula>LEN(TRIM(C78))=0</formula>
    </cfRule>
  </conditionalFormatting>
  <conditionalFormatting sqref="J78">
    <cfRule type="containsBlanks" dxfId="172" priority="109">
      <formula>LEN(TRIM(J78))=0</formula>
    </cfRule>
  </conditionalFormatting>
  <conditionalFormatting sqref="K78">
    <cfRule type="containsBlanks" dxfId="171" priority="108">
      <formula>LEN(TRIM(K78))=0</formula>
    </cfRule>
  </conditionalFormatting>
  <conditionalFormatting sqref="M78 P78:Q78">
    <cfRule type="containsBlanks" dxfId="170" priority="107">
      <formula>LEN(TRIM(M78))=0</formula>
    </cfRule>
  </conditionalFormatting>
  <conditionalFormatting sqref="G119:G120">
    <cfRule type="containsBlanks" dxfId="169" priority="105">
      <formula>LEN(TRIM(G119))=0</formula>
    </cfRule>
  </conditionalFormatting>
  <conditionalFormatting sqref="M59:O67">
    <cfRule type="containsBlanks" dxfId="168" priority="93">
      <formula>LEN(TRIM(M59))=0</formula>
    </cfRule>
  </conditionalFormatting>
  <conditionalFormatting sqref="B59:B67">
    <cfRule type="containsBlanks" dxfId="167" priority="92">
      <formula>LEN(TRIM(B59))=0</formula>
    </cfRule>
  </conditionalFormatting>
  <conditionalFormatting sqref="C59:H67">
    <cfRule type="containsBlanks" dxfId="166" priority="91">
      <formula>LEN(TRIM(C59))=0</formula>
    </cfRule>
  </conditionalFormatting>
  <conditionalFormatting sqref="I59:K67">
    <cfRule type="containsBlanks" dxfId="165" priority="90">
      <formula>LEN(TRIM(I59))=0</formula>
    </cfRule>
  </conditionalFormatting>
  <conditionalFormatting sqref="P59:Q67">
    <cfRule type="containsBlanks" dxfId="164" priority="89">
      <formula>LEN(TRIM(P59))=0</formula>
    </cfRule>
  </conditionalFormatting>
  <conditionalFormatting sqref="G131">
    <cfRule type="containsBlanks" dxfId="163" priority="97">
      <formula>LEN(TRIM(G131))=0</formula>
    </cfRule>
  </conditionalFormatting>
  <conditionalFormatting sqref="C199">
    <cfRule type="containsBlanks" dxfId="162" priority="96">
      <formula>LEN(TRIM(C199))=0</formula>
    </cfRule>
  </conditionalFormatting>
  <conditionalFormatting sqref="I267:J268 M267:M268">
    <cfRule type="containsBlanks" dxfId="161" priority="83">
      <formula>LEN(TRIM(I267))=0</formula>
    </cfRule>
  </conditionalFormatting>
  <conditionalFormatting sqref="L59:L67">
    <cfRule type="containsBlanks" dxfId="160" priority="88">
      <formula>LEN(TRIM(L59))=0</formula>
    </cfRule>
  </conditionalFormatting>
  <conditionalFormatting sqref="Q59:Q67">
    <cfRule type="expression" dxfId="159" priority="87">
      <formula>IF(P59="",FALSE,IF(K59&lt;&gt;P59,TRUE,FALSE))</formula>
    </cfRule>
  </conditionalFormatting>
  <conditionalFormatting sqref="J218:J219">
    <cfRule type="containsBlanks" dxfId="158" priority="86">
      <formula>LEN(TRIM(J218))=0</formula>
    </cfRule>
  </conditionalFormatting>
  <conditionalFormatting sqref="N267:Q267 O268:Q268 N268:N275">
    <cfRule type="containsBlanks" dxfId="157" priority="84">
      <formula>LEN(TRIM(N267))=0</formula>
    </cfRule>
  </conditionalFormatting>
  <conditionalFormatting sqref="D267:G268">
    <cfRule type="containsBlanks" dxfId="156" priority="85">
      <formula>LEN(TRIM(D267))=0</formula>
    </cfRule>
  </conditionalFormatting>
  <conditionalFormatting sqref="K267:K268">
    <cfRule type="containsBlanks" dxfId="155" priority="82">
      <formula>LEN(TRIM(K267))=0</formula>
    </cfRule>
  </conditionalFormatting>
  <conditionalFormatting sqref="O269:Q269">
    <cfRule type="containsBlanks" dxfId="154" priority="72">
      <formula>LEN(TRIM(O269))=0</formula>
    </cfRule>
  </conditionalFormatting>
  <conditionalFormatting sqref="M269 I269:J269">
    <cfRule type="containsBlanks" dxfId="153" priority="71">
      <formula>LEN(TRIM(I269))=0</formula>
    </cfRule>
  </conditionalFormatting>
  <conditionalFormatting sqref="D269:G269">
    <cfRule type="containsBlanks" dxfId="152" priority="73">
      <formula>LEN(TRIM(D269))=0</formula>
    </cfRule>
  </conditionalFormatting>
  <conditionalFormatting sqref="K269">
    <cfRule type="containsBlanks" dxfId="151" priority="70">
      <formula>LEN(TRIM(K269))=0</formula>
    </cfRule>
  </conditionalFormatting>
  <conditionalFormatting sqref="O272:Q274">
    <cfRule type="containsBlanks" dxfId="150" priority="64">
      <formula>LEN(TRIM(O272))=0</formula>
    </cfRule>
  </conditionalFormatting>
  <conditionalFormatting sqref="M272:M274 I272:J274">
    <cfRule type="containsBlanks" dxfId="149" priority="63">
      <formula>LEN(TRIM(I272))=0</formula>
    </cfRule>
  </conditionalFormatting>
  <conditionalFormatting sqref="D272:G274">
    <cfRule type="containsBlanks" dxfId="148" priority="65">
      <formula>LEN(TRIM(D272))=0</formula>
    </cfRule>
  </conditionalFormatting>
  <conditionalFormatting sqref="K272:K274">
    <cfRule type="containsBlanks" dxfId="147" priority="62">
      <formula>LEN(TRIM(K272))=0</formula>
    </cfRule>
  </conditionalFormatting>
  <conditionalFormatting sqref="O275:Q275">
    <cfRule type="containsBlanks" dxfId="146" priority="60">
      <formula>LEN(TRIM(O275))=0</formula>
    </cfRule>
  </conditionalFormatting>
  <conditionalFormatting sqref="I275:J275 M275">
    <cfRule type="containsBlanks" dxfId="145" priority="59">
      <formula>LEN(TRIM(I275))=0</formula>
    </cfRule>
  </conditionalFormatting>
  <conditionalFormatting sqref="D275:G275">
    <cfRule type="containsBlanks" dxfId="144" priority="61">
      <formula>LEN(TRIM(D275))=0</formula>
    </cfRule>
  </conditionalFormatting>
  <conditionalFormatting sqref="K275">
    <cfRule type="containsBlanks" dxfId="143" priority="58">
      <formula>LEN(TRIM(K275))=0</formula>
    </cfRule>
  </conditionalFormatting>
  <conditionalFormatting sqref="O270:Q270">
    <cfRule type="containsBlanks" dxfId="142" priority="56">
      <formula>LEN(TRIM(O270))=0</formula>
    </cfRule>
  </conditionalFormatting>
  <conditionalFormatting sqref="I270:J270 M270">
    <cfRule type="containsBlanks" dxfId="141" priority="55">
      <formula>LEN(TRIM(I270))=0</formula>
    </cfRule>
  </conditionalFormatting>
  <conditionalFormatting sqref="D270:G270">
    <cfRule type="containsBlanks" dxfId="140" priority="57">
      <formula>LEN(TRIM(D270))=0</formula>
    </cfRule>
  </conditionalFormatting>
  <conditionalFormatting sqref="K270">
    <cfRule type="containsBlanks" dxfId="139" priority="54">
      <formula>LEN(TRIM(K270))=0</formula>
    </cfRule>
  </conditionalFormatting>
  <conditionalFormatting sqref="O271:Q271">
    <cfRule type="containsBlanks" dxfId="138" priority="52">
      <formula>LEN(TRIM(O271))=0</formula>
    </cfRule>
  </conditionalFormatting>
  <conditionalFormatting sqref="I271:J271 M271">
    <cfRule type="containsBlanks" dxfId="137" priority="51">
      <formula>LEN(TRIM(I271))=0</formula>
    </cfRule>
  </conditionalFormatting>
  <conditionalFormatting sqref="D271:G271">
    <cfRule type="containsBlanks" dxfId="136" priority="53">
      <formula>LEN(TRIM(D271))=0</formula>
    </cfRule>
  </conditionalFormatting>
  <conditionalFormatting sqref="K271">
    <cfRule type="containsBlanks" dxfId="135" priority="50">
      <formula>LEN(TRIM(K271))=0</formula>
    </cfRule>
  </conditionalFormatting>
  <conditionalFormatting sqref="C281">
    <cfRule type="containsBlanks" dxfId="134" priority="49">
      <formula>LEN(TRIM(C281))=0</formula>
    </cfRule>
  </conditionalFormatting>
  <conditionalFormatting sqref="K281">
    <cfRule type="containsBlanks" dxfId="133" priority="46">
      <formula>LEN(TRIM(K281))=0</formula>
    </cfRule>
  </conditionalFormatting>
  <conditionalFormatting sqref="C282">
    <cfRule type="containsBlanks" dxfId="132" priority="45">
      <formula>LEN(TRIM(C282))=0</formula>
    </cfRule>
  </conditionalFormatting>
  <conditionalFormatting sqref="C280">
    <cfRule type="containsBlanks" dxfId="131" priority="48">
      <formula>LEN(TRIM(C280))=0</formula>
    </cfRule>
  </conditionalFormatting>
  <conditionalFormatting sqref="K280">
    <cfRule type="containsBlanks" dxfId="130" priority="47">
      <formula>LEN(TRIM(K280))=0</formula>
    </cfRule>
  </conditionalFormatting>
  <conditionalFormatting sqref="G88:G89">
    <cfRule type="containsBlanks" dxfId="129" priority="44">
      <formula>LEN(TRIM(G88))=0</formula>
    </cfRule>
  </conditionalFormatting>
  <conditionalFormatting sqref="C41">
    <cfRule type="containsBlanks" dxfId="128" priority="43">
      <formula>LEN(TRIM(C41))=0</formula>
    </cfRule>
  </conditionalFormatting>
  <conditionalFormatting sqref="B41:B58">
    <cfRule type="containsBlanks" dxfId="127" priority="42">
      <formula>LEN(TRIM(B41))=0</formula>
    </cfRule>
  </conditionalFormatting>
  <conditionalFormatting sqref="C42:C58">
    <cfRule type="containsBlanks" dxfId="126" priority="41">
      <formula>LEN(TRIM(C42))=0</formula>
    </cfRule>
  </conditionalFormatting>
  <conditionalFormatting sqref="F54:F58">
    <cfRule type="containsBlanks" dxfId="125" priority="40">
      <formula>LEN(TRIM(F54))=0</formula>
    </cfRule>
  </conditionalFormatting>
  <conditionalFormatting sqref="N41:N58">
    <cfRule type="containsBlanks" dxfId="124" priority="39">
      <formula>LEN(TRIM(N41))=0</formula>
    </cfRule>
  </conditionalFormatting>
  <conditionalFormatting sqref="B83">
    <cfRule type="containsBlanks" dxfId="123" priority="38">
      <formula>LEN(TRIM(B83))=0</formula>
    </cfRule>
  </conditionalFormatting>
  <conditionalFormatting sqref="G116">
    <cfRule type="containsBlanks" dxfId="122" priority="37">
      <formula>LEN(TRIM(G116))=0</formula>
    </cfRule>
  </conditionalFormatting>
  <conditionalFormatting sqref="G124">
    <cfRule type="containsBlanks" dxfId="121" priority="36">
      <formula>LEN(TRIM(G124))=0</formula>
    </cfRule>
  </conditionalFormatting>
  <conditionalFormatting sqref="G125">
    <cfRule type="containsBlanks" dxfId="120" priority="35">
      <formula>LEN(TRIM(G125))=0</formula>
    </cfRule>
  </conditionalFormatting>
  <conditionalFormatting sqref="G126">
    <cfRule type="containsBlanks" dxfId="119" priority="34">
      <formula>LEN(TRIM(G126))=0</formula>
    </cfRule>
  </conditionalFormatting>
  <conditionalFormatting sqref="G127">
    <cfRule type="containsBlanks" dxfId="118" priority="33">
      <formula>LEN(TRIM(G127))=0</formula>
    </cfRule>
  </conditionalFormatting>
  <conditionalFormatting sqref="G128">
    <cfRule type="containsBlanks" dxfId="117" priority="32">
      <formula>LEN(TRIM(G128))=0</formula>
    </cfRule>
  </conditionalFormatting>
  <conditionalFormatting sqref="G129">
    <cfRule type="containsBlanks" dxfId="116" priority="31">
      <formula>LEN(TRIM(G129))=0</formula>
    </cfRule>
  </conditionalFormatting>
  <conditionalFormatting sqref="G130">
    <cfRule type="containsBlanks" dxfId="115" priority="30">
      <formula>LEN(TRIM(G130))=0</formula>
    </cfRule>
  </conditionalFormatting>
  <conditionalFormatting sqref="E142 G142:H142">
    <cfRule type="containsBlanks" dxfId="114" priority="29">
      <formula>LEN(TRIM(E142))=0</formula>
    </cfRule>
  </conditionalFormatting>
  <conditionalFormatting sqref="B160">
    <cfRule type="containsBlanks" dxfId="113" priority="27">
      <formula>LEN(TRIM(B160))=0</formula>
    </cfRule>
  </conditionalFormatting>
  <conditionalFormatting sqref="B161">
    <cfRule type="containsBlanks" dxfId="112" priority="26">
      <formula>LEN(TRIM(B161))=0</formula>
    </cfRule>
  </conditionalFormatting>
  <conditionalFormatting sqref="B162">
    <cfRule type="containsBlanks" dxfId="111" priority="25">
      <formula>LEN(TRIM(B162))=0</formula>
    </cfRule>
  </conditionalFormatting>
  <conditionalFormatting sqref="B163">
    <cfRule type="containsBlanks" dxfId="110" priority="24">
      <formula>LEN(TRIM(B163))=0</formula>
    </cfRule>
  </conditionalFormatting>
  <conditionalFormatting sqref="K160">
    <cfRule type="containsBlanks" dxfId="109" priority="23">
      <formula>LEN(TRIM(K160))=0</formula>
    </cfRule>
  </conditionalFormatting>
  <conditionalFormatting sqref="K161">
    <cfRule type="containsBlanks" dxfId="108" priority="22">
      <formula>LEN(TRIM(K161))=0</formula>
    </cfRule>
  </conditionalFormatting>
  <conditionalFormatting sqref="K162">
    <cfRule type="containsBlanks" dxfId="107" priority="21">
      <formula>LEN(TRIM(K162))=0</formula>
    </cfRule>
  </conditionalFormatting>
  <conditionalFormatting sqref="K163">
    <cfRule type="containsBlanks" dxfId="106" priority="20">
      <formula>LEN(TRIM(K163))=0</formula>
    </cfRule>
  </conditionalFormatting>
  <conditionalFormatting sqref="K195">
    <cfRule type="containsBlanks" dxfId="105" priority="19">
      <formula>LEN(TRIM(K195))=0</formula>
    </cfRule>
  </conditionalFormatting>
  <conditionalFormatting sqref="K200">
    <cfRule type="containsBlanks" dxfId="104" priority="18">
      <formula>LEN(TRIM(K200))=0</formula>
    </cfRule>
  </conditionalFormatting>
  <conditionalFormatting sqref="O229:O247">
    <cfRule type="containsBlanks" dxfId="103" priority="17">
      <formula>LEN(TRIM(O229))=0</formula>
    </cfRule>
  </conditionalFormatting>
  <conditionalFormatting sqref="O31:O48">
    <cfRule type="containsBlanks" dxfId="102" priority="16">
      <formula>LEN(TRIM(O31))=0</formula>
    </cfRule>
  </conditionalFormatting>
  <conditionalFormatting sqref="E143 G143:H143">
    <cfRule type="containsBlanks" dxfId="101" priority="15">
      <formula>LEN(TRIM(E143))=0</formula>
    </cfRule>
  </conditionalFormatting>
  <conditionalFormatting sqref="Q44">
    <cfRule type="containsBlanks" dxfId="100" priority="14">
      <formula>LEN(TRIM(Q44))=0</formula>
    </cfRule>
  </conditionalFormatting>
  <conditionalFormatting sqref="Q44">
    <cfRule type="expression" dxfId="99" priority="13">
      <formula>IF(P44="",FALSE,IF(K44&lt;&gt;P44,TRUE,FALSE))</formula>
    </cfRule>
  </conditionalFormatting>
  <conditionalFormatting sqref="Q41">
    <cfRule type="containsBlanks" dxfId="98" priority="12">
      <formula>LEN(TRIM(Q41))=0</formula>
    </cfRule>
  </conditionalFormatting>
  <conditionalFormatting sqref="Q41">
    <cfRule type="expression" dxfId="97" priority="11">
      <formula>IF(P41="",FALSE,IF(K41&lt;&gt;P41,TRUE,FALSE))</formula>
    </cfRule>
  </conditionalFormatting>
  <conditionalFormatting sqref="Q38:Q39">
    <cfRule type="containsBlanks" dxfId="96" priority="10">
      <formula>LEN(TRIM(Q38))=0</formula>
    </cfRule>
  </conditionalFormatting>
  <conditionalFormatting sqref="Q38:Q39">
    <cfRule type="expression" dxfId="95" priority="9">
      <formula>IF(P38="",FALSE,IF(K38&lt;&gt;P38,TRUE,FALSE))</formula>
    </cfRule>
  </conditionalFormatting>
  <conditionalFormatting sqref="Q32">
    <cfRule type="containsBlanks" dxfId="94" priority="8">
      <formula>LEN(TRIM(Q32))=0</formula>
    </cfRule>
  </conditionalFormatting>
  <conditionalFormatting sqref="Q32">
    <cfRule type="expression" dxfId="93" priority="7">
      <formula>IF(P32="",FALSE,IF(K32&lt;&gt;P32,TRUE,FALSE))</formula>
    </cfRule>
  </conditionalFormatting>
  <conditionalFormatting sqref="Q33">
    <cfRule type="containsBlanks" dxfId="92" priority="6">
      <formula>LEN(TRIM(Q33))=0</formula>
    </cfRule>
  </conditionalFormatting>
  <conditionalFormatting sqref="Q33">
    <cfRule type="expression" dxfId="91" priority="5">
      <formula>IF(P33="",FALSE,IF(K33&lt;&gt;P33,TRUE,FALSE))</formula>
    </cfRule>
  </conditionalFormatting>
  <conditionalFormatting sqref="B99">
    <cfRule type="containsBlanks" dxfId="90" priority="3">
      <formula>LEN(TRIM(B99))=0</formula>
    </cfRule>
  </conditionalFormatting>
  <conditionalFormatting sqref="B98">
    <cfRule type="containsBlanks" dxfId="89" priority="4">
      <formula>LEN(TRIM(B98))=0</formula>
    </cfRule>
  </conditionalFormatting>
  <conditionalFormatting sqref="I98:I99">
    <cfRule type="containsBlanks" dxfId="88" priority="1">
      <formula>LEN(TRIM(I98))=0</formula>
    </cfRule>
  </conditionalFormatting>
  <conditionalFormatting sqref="G98:H99">
    <cfRule type="containsBlanks" dxfId="87" priority="2">
      <formula>LEN(TRIM(G98))=0</formula>
    </cfRule>
  </conditionalFormatting>
  <dataValidations disablePrompts="1" count="3">
    <dataValidation type="list" allowBlank="1" showInputMessage="1" showErrorMessage="1" sqref="D13:J13" xr:uid="{D641B1CF-54FE-43C0-92BB-20E8531AB70C}">
      <formula1>Region</formula1>
    </dataValidation>
    <dataValidation type="list" allowBlank="1" showInputMessage="1" showErrorMessage="1" sqref="J119:J120" xr:uid="{9D017F3A-CEBF-402C-8FFC-AB8926914F46}">
      <formula1>"less, more"</formula1>
    </dataValidation>
    <dataValidation type="list" allowBlank="1" showInputMessage="1" showErrorMessage="1" sqref="J218:J219 K218:Q218" xr:uid="{38D3A880-D458-49AD-B504-87518EAB4D65}">
      <formula1>"Yes,No"</formula1>
    </dataValidation>
  </dataValidations>
  <pageMargins left="0.43307086614173229" right="0.43307086614173229" top="1.2946428571428572" bottom="0.74803149606299213" header="0.31496062992125984" footer="0.31496062992125984"/>
  <pageSetup paperSize="8" scale="59" fitToHeight="0" orientation="landscape" r:id="rId1"/>
  <headerFooter>
    <oddHeader>&amp;L&amp;"Calibri"&amp;8&amp;K000000 Sensitivity: General&amp;1#_x000D_&amp;G</oddHeader>
    <oddFooter>&amp;L&amp;K2575AEWaka Kotahi NZ Transport Agency&amp;R&amp;K2575AE&amp;F &amp;"/,Regular"&amp; Page &amp;P</oddFooter>
  </headerFooter>
  <rowBreaks count="9" manualBreakCount="9">
    <brk id="28" max="17" man="1"/>
    <brk id="80" max="17" man="1"/>
    <brk id="122" max="17" man="1"/>
    <brk id="144" max="17" man="1"/>
    <brk id="172" max="17" man="1"/>
    <brk id="187" max="17" man="1"/>
    <brk id="202" max="17" man="1"/>
    <brk id="225" max="17" man="1"/>
    <brk id="263" max="17" man="1"/>
  </rowBreaks>
  <drawing r:id="rId2"/>
  <legacyDrawing r:id="rId3"/>
  <legacyDrawingHF r:id="rId4"/>
  <tableParts count="1">
    <tablePart r:id="rId5"/>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884D91-6196-4F21-9F57-2B96D8854212}">
  <dimension ref="A1"/>
  <sheetViews>
    <sheetView zoomScaleNormal="100" workbookViewId="0">
      <selection activeCell="C31" sqref="C31"/>
    </sheetView>
  </sheetViews>
  <sheetFormatPr defaultColWidth="10.5703125" defaultRowHeight="15" x14ac:dyDescent="0.2"/>
  <cols>
    <col min="1" max="16384" width="10.5703125" style="19"/>
  </cols>
  <sheetData/>
  <pageMargins left="0.7" right="0.7" top="0.75" bottom="0.75" header="0.3" footer="0.3"/>
  <pageSetup orientation="portrait" r:id="rId1"/>
  <headerFooter>
    <oddHeader>&amp;L&amp;"Calibri"&amp;8&amp;K000000 Sensitivity: General&amp;1#_x000D_&amp;16&amp;F&amp;R&amp;G</oddHeader>
  </headerFooter>
  <legacyDrawingHF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2AB214-9BDD-49AF-9990-FFA65CB3D8BA}">
  <dimension ref="A2:H65"/>
  <sheetViews>
    <sheetView showGridLines="0" view="pageLayout" zoomScaleNormal="100" workbookViewId="0">
      <selection activeCell="D5" sqref="D5"/>
    </sheetView>
  </sheetViews>
  <sheetFormatPr defaultColWidth="9.42578125" defaultRowHeight="15" x14ac:dyDescent="0.2"/>
  <cols>
    <col min="1" max="1" width="34.42578125" style="19" customWidth="1"/>
    <col min="2" max="4" width="11.42578125" style="19" customWidth="1"/>
    <col min="5" max="5" width="15.42578125" style="19" customWidth="1"/>
    <col min="6" max="6" width="11.42578125" style="19" customWidth="1"/>
    <col min="7" max="7" width="10.5703125" style="19" customWidth="1"/>
    <col min="8" max="8" width="25.42578125" style="19" customWidth="1"/>
    <col min="9" max="16384" width="9.42578125" style="19"/>
  </cols>
  <sheetData>
    <row r="2" spans="1:7" x14ac:dyDescent="0.2">
      <c r="A2" s="110" t="s">
        <v>153</v>
      </c>
    </row>
    <row r="4" spans="1:7" ht="51" x14ac:dyDescent="0.2">
      <c r="A4" s="32" t="str">
        <f>IF('Assessment Form'!$C$11="","PROJECT NAME",'Assessment Form'!$C$11)</f>
        <v>SH1 Spring Creek to Seddon and SH6 Blenheim Urban</v>
      </c>
      <c r="B4" s="33" t="s">
        <v>145</v>
      </c>
      <c r="C4" s="33" t="s">
        <v>146</v>
      </c>
      <c r="D4" s="33" t="s">
        <v>158</v>
      </c>
      <c r="E4" s="33" t="s">
        <v>159</v>
      </c>
      <c r="G4" s="50" t="s">
        <v>130</v>
      </c>
    </row>
    <row r="5" spans="1:7" ht="25.5" x14ac:dyDescent="0.2">
      <c r="A5" s="34" t="str">
        <f>IF('Assessment Form'!$K248="","",'Assessment Form'!I49)</f>
        <v>Rural state highway with a straight alignment, from Riverlands to Seddon</v>
      </c>
      <c r="B5" s="35">
        <f>IF('Assessment Form'!$K248="","",'Assessment Form'!J49)</f>
        <v>70</v>
      </c>
      <c r="C5" s="35">
        <f>IF('Assessment Form'!$K248="","",'Assessment Form'!N49)</f>
        <v>72.17</v>
      </c>
      <c r="D5" s="87" t="str">
        <f>IF('Assessment Form'!$K248="","",'Assessment Form'!O49)</f>
        <v>Low</v>
      </c>
      <c r="E5" s="87">
        <f>IF('Assessment Form'!$K248="","",'Assessment Form'!P49)</f>
        <v>60</v>
      </c>
    </row>
    <row r="6" spans="1:7" ht="25.5" x14ac:dyDescent="0.2">
      <c r="A6" s="34" t="str">
        <f>IF('Assessment Form'!$K249="","",'Assessment Form'!I50)</f>
        <v>Rural state highway with a curved alignment, from Riverlands to Seddon</v>
      </c>
      <c r="B6" s="35">
        <f>IF('Assessment Form'!$K249="","",'Assessment Form'!J50)</f>
        <v>100</v>
      </c>
      <c r="C6" s="35">
        <f>IF('Assessment Form'!$K249="","",'Assessment Form'!N50)</f>
        <v>81.349999999999994</v>
      </c>
      <c r="D6" s="87" t="str">
        <f>IF('Assessment Form'!$K249="","",'Assessment Form'!O50)</f>
        <v>Medium</v>
      </c>
      <c r="E6" s="87">
        <f>IF('Assessment Form'!$K249="","",'Assessment Form'!P50)</f>
        <v>80</v>
      </c>
    </row>
    <row r="7" spans="1:7" ht="25.5" x14ac:dyDescent="0.2">
      <c r="A7" s="34" t="str">
        <f>IF('Assessment Form'!$K250="","",'Assessment Form'!I51)</f>
        <v>Rural state highway with a winding alignment, from Riverlands to Seddon</v>
      </c>
      <c r="B7" s="35">
        <f>IF('Assessment Form'!$K250="","",'Assessment Form'!J51)</f>
        <v>100</v>
      </c>
      <c r="C7" s="35">
        <f>IF('Assessment Form'!$K250="","",'Assessment Form'!N51)</f>
        <v>81.349999999999994</v>
      </c>
      <c r="D7" s="87" t="str">
        <f>IF('Assessment Form'!$K250="","",'Assessment Form'!O51)</f>
        <v>High</v>
      </c>
      <c r="E7" s="87">
        <f>IF('Assessment Form'!$K250="","",'Assessment Form'!P51)</f>
        <v>60</v>
      </c>
    </row>
    <row r="8" spans="1:7" ht="38.25" x14ac:dyDescent="0.2">
      <c r="A8" s="34" t="str">
        <f>IF('Assessment Form'!$K251="","",'Assessment Form'!I57)</f>
        <v>Existing Marlborough Girls' College School Zone VSL
Subsection of section 16</v>
      </c>
      <c r="B8" s="35" t="str">
        <f>IF('Assessment Form'!$K251="","",'Assessment Form'!J57)</f>
        <v>40/50</v>
      </c>
      <c r="C8" s="35">
        <f>IF('Assessment Form'!$K251="","",'Assessment Form'!N57)</f>
        <v>48.42</v>
      </c>
      <c r="D8" s="87" t="str">
        <f>IF('Assessment Form'!$K251="","",'Assessment Form'!O57)</f>
        <v>N/A</v>
      </c>
      <c r="E8" s="87" t="str">
        <f>IF('Assessment Form'!$K251="","",'Assessment Form'!P57)</f>
        <v>50/30</v>
      </c>
    </row>
    <row r="9" spans="1:7" ht="51" x14ac:dyDescent="0.2">
      <c r="A9" s="34" t="str">
        <f>IF('Assessment Form'!$K252="","",'Assessment Form'!I58)</f>
        <v>Urban state highway with a straight alignment, an urban residential area of Blenheim with some commercial developments</v>
      </c>
      <c r="B9" s="35">
        <f>IF('Assessment Form'!$K252="","",'Assessment Form'!J58)</f>
        <v>50</v>
      </c>
      <c r="C9" s="35">
        <f>IF('Assessment Form'!$K252="","",'Assessment Form'!N58)</f>
        <v>48.68</v>
      </c>
      <c r="D9" s="87" t="str">
        <f>IF('Assessment Form'!$K252="","",'Assessment Form'!O58)</f>
        <v>Low</v>
      </c>
      <c r="E9" s="87">
        <f>IF('Assessment Form'!$K252="","",'Assessment Form'!P58)</f>
        <v>50</v>
      </c>
    </row>
    <row r="10" spans="1:7" ht="15" customHeight="1" x14ac:dyDescent="0.2">
      <c r="A10" s="34" t="e">
        <f>IF('Assessment Form'!$K253="","",'Assessment Form'!#REF!)</f>
        <v>#REF!</v>
      </c>
      <c r="B10" s="35" t="e">
        <f>IF('Assessment Form'!$K253="","",'Assessment Form'!#REF!)</f>
        <v>#REF!</v>
      </c>
      <c r="C10" s="35" t="e">
        <f>IF('Assessment Form'!$K253="","",'Assessment Form'!#REF!)</f>
        <v>#REF!</v>
      </c>
      <c r="D10" s="87" t="e">
        <f>IF('Assessment Form'!$K253="","",'Assessment Form'!#REF!)</f>
        <v>#REF!</v>
      </c>
      <c r="E10" s="87" t="e">
        <f>IF('Assessment Form'!$K253="","",'Assessment Form'!#REF!)</f>
        <v>#REF!</v>
      </c>
    </row>
    <row r="11" spans="1:7" ht="22.5" x14ac:dyDescent="0.2">
      <c r="A11" s="34" t="e">
        <f>IF('Assessment Form'!$K254="","",'Assessment Form'!#REF!)</f>
        <v>#REF!</v>
      </c>
      <c r="B11" s="35" t="e">
        <f>IF('Assessment Form'!$K254="","",'Assessment Form'!#REF!)</f>
        <v>#REF!</v>
      </c>
      <c r="C11" s="35" t="e">
        <f>IF('Assessment Form'!$K254="","",'Assessment Form'!#REF!)</f>
        <v>#REF!</v>
      </c>
      <c r="D11" s="87" t="e">
        <f>IF('Assessment Form'!$K254="","",'Assessment Form'!#REF!)</f>
        <v>#REF!</v>
      </c>
      <c r="E11" s="87" t="e">
        <f>IF('Assessment Form'!$K254="","",'Assessment Form'!#REF!)</f>
        <v>#REF!</v>
      </c>
      <c r="G11" s="50" t="s">
        <v>144</v>
      </c>
    </row>
    <row r="12" spans="1:7" hidden="1" x14ac:dyDescent="0.2">
      <c r="A12" s="34" t="e">
        <f>IF('Assessment Form'!$K255="","",'Assessment Form'!#REF!)</f>
        <v>#REF!</v>
      </c>
      <c r="B12" s="35" t="e">
        <f>IF('Assessment Form'!$K255="","",'Assessment Form'!#REF!)</f>
        <v>#REF!</v>
      </c>
      <c r="C12" s="35" t="e">
        <f>IF('Assessment Form'!$K255="","",'Assessment Form'!#REF!)</f>
        <v>#REF!</v>
      </c>
      <c r="D12" s="87" t="e">
        <f>IF('Assessment Form'!$K255="","",'Assessment Form'!#REF!)</f>
        <v>#REF!</v>
      </c>
      <c r="E12" s="87" t="e">
        <f>IF('Assessment Form'!$K255="","",'Assessment Form'!#REF!)</f>
        <v>#REF!</v>
      </c>
    </row>
    <row r="13" spans="1:7" hidden="1" x14ac:dyDescent="0.2">
      <c r="A13" s="34">
        <f>IF('Assessment Form'!$K256="","",'Assessment Form'!I59)</f>
        <v>0</v>
      </c>
      <c r="B13" s="35">
        <f>IF('Assessment Form'!$K256="","",'Assessment Form'!J59)</f>
        <v>0</v>
      </c>
      <c r="C13" s="35">
        <f>IF('Assessment Form'!$K256="","",'Assessment Form'!N59)</f>
        <v>0</v>
      </c>
      <c r="D13" s="87">
        <f>IF('Assessment Form'!$K256="","",'Assessment Form'!O59)</f>
        <v>0</v>
      </c>
      <c r="E13" s="87">
        <f>IF('Assessment Form'!$K256="","",'Assessment Form'!P59)</f>
        <v>0</v>
      </c>
    </row>
    <row r="14" spans="1:7" hidden="1" x14ac:dyDescent="0.2">
      <c r="A14" s="34" t="str">
        <f>IF('Assessment Form'!$K257="","",'Assessment Form'!I60)</f>
        <v/>
      </c>
      <c r="B14" s="35" t="str">
        <f>IF('Assessment Form'!$K257="","",'Assessment Form'!J60)</f>
        <v/>
      </c>
      <c r="C14" s="35" t="str">
        <f>IF('Assessment Form'!$K257="","",'Assessment Form'!N60)</f>
        <v/>
      </c>
      <c r="D14" s="87" t="str">
        <f>IF('Assessment Form'!$K257="","",'Assessment Form'!O60)</f>
        <v/>
      </c>
      <c r="E14" s="87" t="str">
        <f>IF('Assessment Form'!$K257="","",'Assessment Form'!P60)</f>
        <v/>
      </c>
    </row>
    <row r="15" spans="1:7" hidden="1" x14ac:dyDescent="0.2">
      <c r="A15" s="34" t="str">
        <f>IF('Assessment Form'!$K258="","",'Assessment Form'!I61)</f>
        <v/>
      </c>
      <c r="B15" s="35" t="str">
        <f>IF('Assessment Form'!$K258="","",'Assessment Form'!J61)</f>
        <v/>
      </c>
      <c r="C15" s="35" t="str">
        <f>IF('Assessment Form'!$K258="","",'Assessment Form'!N61)</f>
        <v/>
      </c>
      <c r="D15" s="87" t="str">
        <f>IF('Assessment Form'!$K258="","",'Assessment Form'!O61)</f>
        <v/>
      </c>
      <c r="E15" s="87" t="str">
        <f>IF('Assessment Form'!$K258="","",'Assessment Form'!P61)</f>
        <v/>
      </c>
    </row>
    <row r="16" spans="1:7" hidden="1" x14ac:dyDescent="0.2">
      <c r="A16" s="34" t="str">
        <f>IF('Assessment Form'!$K259="","",'Assessment Form'!I62)</f>
        <v/>
      </c>
      <c r="B16" s="35" t="str">
        <f>IF('Assessment Form'!$K259="","",'Assessment Form'!J62)</f>
        <v/>
      </c>
      <c r="C16" s="35" t="str">
        <f>IF('Assessment Form'!$K259="","",'Assessment Form'!N62)</f>
        <v/>
      </c>
      <c r="D16" s="87" t="str">
        <f>IF('Assessment Form'!$K259="","",'Assessment Form'!O62)</f>
        <v/>
      </c>
      <c r="E16" s="87" t="str">
        <f>IF('Assessment Form'!$K259="","",'Assessment Form'!P62)</f>
        <v/>
      </c>
    </row>
    <row r="17" spans="1:7" x14ac:dyDescent="0.2">
      <c r="A17" s="107"/>
      <c r="B17" s="108"/>
      <c r="C17" s="108"/>
      <c r="D17" s="108"/>
      <c r="E17" s="109"/>
    </row>
    <row r="18" spans="1:7" x14ac:dyDescent="0.2">
      <c r="A18" s="110" t="s">
        <v>160</v>
      </c>
      <c r="B18" s="108"/>
      <c r="C18" s="108"/>
      <c r="D18" s="108"/>
      <c r="E18" s="109"/>
    </row>
    <row r="20" spans="1:7" ht="51" x14ac:dyDescent="0.2">
      <c r="A20" s="32" t="str">
        <f>IF('Assessment Form'!$C$11="","PROJECT NAME",'Assessment Form'!$C$11)</f>
        <v>SH1 Spring Creek to Seddon and SH6 Blenheim Urban</v>
      </c>
      <c r="B20" s="33" t="s">
        <v>127</v>
      </c>
      <c r="C20" s="33" t="s">
        <v>126</v>
      </c>
      <c r="D20" s="33" t="s">
        <v>12</v>
      </c>
      <c r="E20" s="33" t="s">
        <v>117</v>
      </c>
      <c r="F20" s="33" t="s">
        <v>118</v>
      </c>
      <c r="G20" s="50" t="s">
        <v>130</v>
      </c>
    </row>
    <row r="21" spans="1:7" ht="25.5" x14ac:dyDescent="0.2">
      <c r="A21" s="47" t="str">
        <f>IF('Assessment Form'!$K248="","",'Assessment Form'!$K248)</f>
        <v>Rural state highway with a curved alignment, from Riverlands to Seddon</v>
      </c>
      <c r="B21" s="46" t="str">
        <f>IF('Assessment Form'!$I248="","",'Assessment Form'!$I248)</f>
        <v>1682584,5402580</v>
      </c>
      <c r="C21" s="46" t="str">
        <f>IF('Assessment Form'!$J248="","",'Assessment Form'!$J248)</f>
        <v>1686334,5397131</v>
      </c>
      <c r="D21" s="48">
        <f>IF('Assessment Form'!$K248="","",'Assessment Form'!$H248)</f>
        <v>8.4499999999999993</v>
      </c>
      <c r="E21" s="46">
        <f>IF('Assessment Form'!$K248="","",'Assessment Form'!$N248)</f>
        <v>100</v>
      </c>
      <c r="F21" s="46">
        <f>IF('Assessment Form'!$K248="","",'Assessment Form'!$P248)</f>
        <v>80</v>
      </c>
    </row>
    <row r="22" spans="1:7" ht="15" customHeight="1" x14ac:dyDescent="0.2">
      <c r="A22" s="47" t="str">
        <f>IF('Assessment Form'!$K249="","",'Assessment Form'!$K249)</f>
        <v>Rural state highway with a winding alignment, from Riverlands to Seddon</v>
      </c>
      <c r="B22" s="46" t="str">
        <f>IF('Assessment Form'!$I249="","",'Assessment Form'!$I249)</f>
        <v>1686334,5397131</v>
      </c>
      <c r="C22" s="46" t="str">
        <f>IF('Assessment Form'!$J249="","",'Assessment Form'!$J249)</f>
        <v>1687542,5394305</v>
      </c>
      <c r="D22" s="48">
        <f>IF('Assessment Form'!$K249="","",'Assessment Form'!$H249)</f>
        <v>3.65</v>
      </c>
      <c r="E22" s="46">
        <f>IF('Assessment Form'!$K249="","",'Assessment Form'!$N249)</f>
        <v>100</v>
      </c>
      <c r="F22" s="46">
        <f>IF('Assessment Form'!$K249="","",'Assessment Form'!$P249)</f>
        <v>60</v>
      </c>
    </row>
    <row r="23" spans="1:7" ht="25.5" x14ac:dyDescent="0.2">
      <c r="A23" s="47" t="str">
        <f>IF('Assessment Form'!$K250="","",'Assessment Form'!$K250)</f>
        <v>Rural state highway with a straight alignment, from Riverlands to Seddon</v>
      </c>
      <c r="B23" s="46" t="str">
        <f>IF('Assessment Form'!$I250="","",'Assessment Form'!$I250)</f>
        <v>1687542,5394305</v>
      </c>
      <c r="C23" s="46" t="str">
        <f>IF('Assessment Form'!$J250="","",'Assessment Form'!$J250)</f>
        <v>1689448,5386661</v>
      </c>
      <c r="D23" s="48">
        <f>IF('Assessment Form'!$K250="","",'Assessment Form'!$H250)</f>
        <v>8.18</v>
      </c>
      <c r="E23" s="46">
        <f>IF('Assessment Form'!$K250="","",'Assessment Form'!$N250)</f>
        <v>100</v>
      </c>
      <c r="F23" s="46">
        <f>IF('Assessment Form'!$K250="","",'Assessment Form'!$P250)</f>
        <v>100</v>
      </c>
    </row>
    <row r="24" spans="1:7" ht="38.25" x14ac:dyDescent="0.2">
      <c r="A24" s="47" t="str">
        <f>IF('Assessment Form'!$K251="","",'Assessment Form'!$K251)</f>
        <v>Rural state highway with a curved alignment, a rural town area of Seddon with residential developments</v>
      </c>
      <c r="B24" s="46" t="str">
        <f>IF('Assessment Form'!$I251="","",'Assessment Form'!$I251)</f>
        <v>1689448,5386661</v>
      </c>
      <c r="C24" s="46" t="str">
        <f>IF('Assessment Form'!$J251="","",'Assessment Form'!$J251)</f>
        <v>1689391,5386082</v>
      </c>
      <c r="D24" s="48">
        <f>IF('Assessment Form'!$K251="","",'Assessment Form'!$H251)</f>
        <v>0.7</v>
      </c>
      <c r="E24" s="46">
        <f>IF('Assessment Form'!$K251="","",'Assessment Form'!$N251)</f>
        <v>60</v>
      </c>
      <c r="F24" s="46">
        <f>IF('Assessment Form'!$K251="","",'Assessment Form'!$P251)</f>
        <v>60</v>
      </c>
      <c r="G24" s="53"/>
    </row>
    <row r="25" spans="1:7" ht="38.25" x14ac:dyDescent="0.2">
      <c r="A25" s="47" t="str">
        <f>IF('Assessment Form'!$K252="","",'Assessment Form'!$K252)</f>
        <v>Rural state highway with a curved alignment, a rural town area of Seddon with shops and school nearby</v>
      </c>
      <c r="B25" s="46" t="str">
        <f>IF('Assessment Form'!$I252="","",'Assessment Form'!$I252)</f>
        <v>1689391,5386082</v>
      </c>
      <c r="C25" s="46" t="str">
        <f>IF('Assessment Form'!$J252="","",'Assessment Form'!$J252)</f>
        <v>1689330,5385519</v>
      </c>
      <c r="D25" s="48">
        <f>IF('Assessment Form'!$K252="","",'Assessment Form'!$H252)</f>
        <v>0.73</v>
      </c>
      <c r="E25" s="46">
        <f>IF('Assessment Form'!$K252="","",'Assessment Form'!$N252)</f>
        <v>50</v>
      </c>
      <c r="F25" s="46">
        <f>IF('Assessment Form'!$K252="","",'Assessment Form'!$P252)</f>
        <v>50</v>
      </c>
      <c r="G25" s="53"/>
    </row>
    <row r="26" spans="1:7" ht="38.25" x14ac:dyDescent="0.2">
      <c r="A26" s="47" t="str">
        <f>IF('Assessment Form'!$K253="","",'Assessment Form'!$K253)</f>
        <v>Urban state highway with a straight alignment, a commercial big box area of Blenheim</v>
      </c>
      <c r="B26" s="46" t="str">
        <f>IF('Assessment Form'!$I253="","",'Assessment Form'!$I253)</f>
        <v>1680051,5404401</v>
      </c>
      <c r="C26" s="46" t="str">
        <f>IF('Assessment Form'!$J253="","",'Assessment Form'!$J253)</f>
        <v>1679652,5404383</v>
      </c>
      <c r="D26" s="48">
        <f>IF('Assessment Form'!$K253="","",'Assessment Form'!$H253)</f>
        <v>0.4</v>
      </c>
      <c r="E26" s="46">
        <f>IF('Assessment Form'!$K253="","",'Assessment Form'!$N253)</f>
        <v>50</v>
      </c>
      <c r="F26" s="46">
        <f>IF('Assessment Form'!$K253="","",'Assessment Form'!$P253)</f>
        <v>40</v>
      </c>
    </row>
    <row r="27" spans="1:7" ht="38.25" x14ac:dyDescent="0.2">
      <c r="A27" s="47" t="str">
        <f>IF('Assessment Form'!$K254="","",'Assessment Form'!$K254)</f>
        <v>Urban state highway with a straight alignment, an urban residential area of Blenheim</v>
      </c>
      <c r="B27" s="46" t="str">
        <f>IF('Assessment Form'!$I254="","",'Assessment Form'!$I254)</f>
        <v>1679652,5404383</v>
      </c>
      <c r="C27" s="46" t="str">
        <f>IF('Assessment Form'!$J254="","",'Assessment Form'!$J254)</f>
        <v>1678482,5404325</v>
      </c>
      <c r="D27" s="48">
        <f>IF('Assessment Form'!$K254="","",'Assessment Form'!$H254)</f>
        <v>1.18</v>
      </c>
      <c r="E27" s="46">
        <f>IF('Assessment Form'!$K254="","",'Assessment Form'!$N254)</f>
        <v>50</v>
      </c>
      <c r="F27" s="46">
        <f>IF('Assessment Form'!$K254="","",'Assessment Form'!$P254)</f>
        <v>50</v>
      </c>
    </row>
    <row r="28" spans="1:7" ht="38.25" x14ac:dyDescent="0.2">
      <c r="A28" s="47" t="str">
        <f>IF('Assessment Form'!$K255="","",'Assessment Form'!$K255)</f>
        <v>Existing Marlborough Girls' College School Zone VSL
Subsection of section 16</v>
      </c>
      <c r="B28" s="46" t="str">
        <f>IF('Assessment Form'!$I255="","",'Assessment Form'!$I255)</f>
        <v>1679065,5404355</v>
      </c>
      <c r="C28" s="46" t="str">
        <f>IF('Assessment Form'!$J255="","",'Assessment Form'!$J255)</f>
        <v>1678635,5404332</v>
      </c>
      <c r="D28" s="48">
        <f>IF('Assessment Form'!$K255="","",'Assessment Form'!$H255)</f>
        <v>0.433</v>
      </c>
      <c r="E28" s="46" t="str">
        <f>IF('Assessment Form'!$K255="","",'Assessment Form'!$N255)</f>
        <v>40/50</v>
      </c>
      <c r="F28" s="46" t="str">
        <f>IF('Assessment Form'!$K255="","",'Assessment Form'!$P255)</f>
        <v>50/30</v>
      </c>
      <c r="G28" s="50" t="s">
        <v>144</v>
      </c>
    </row>
    <row r="29" spans="1:7" ht="51" hidden="1" x14ac:dyDescent="0.2">
      <c r="A29" s="47" t="str">
        <f>IF('Assessment Form'!$K256="","",'Assessment Form'!$K256)</f>
        <v>Urban state highway with a straight alignment, an urban residential area of Blenheim with some commercial developments</v>
      </c>
      <c r="B29" s="46" t="str">
        <f>IF('Assessment Form'!$I256="","",'Assessment Form'!$I256)</f>
        <v>1678482,5404325</v>
      </c>
      <c r="C29" s="46" t="str">
        <f>IF('Assessment Form'!$J256="","",'Assessment Form'!$J256)</f>
        <v>1677002,5404248</v>
      </c>
      <c r="D29" s="48">
        <f>IF('Assessment Form'!$K256="","",'Assessment Form'!$H256)</f>
        <v>1.49</v>
      </c>
      <c r="E29" s="46">
        <f>IF('Assessment Form'!$K256="","",'Assessment Form'!$N256)</f>
        <v>50</v>
      </c>
      <c r="F29" s="46">
        <f>IF('Assessment Form'!$K256="","",'Assessment Form'!$P256)</f>
        <v>50</v>
      </c>
    </row>
    <row r="30" spans="1:7" hidden="1" x14ac:dyDescent="0.2">
      <c r="A30" s="47" t="str">
        <f>IF('Assessment Form'!$K257="","",'Assessment Form'!$K257)</f>
        <v/>
      </c>
      <c r="B30" s="46" t="str">
        <f>IF('Assessment Form'!$I257="","",'Assessment Form'!$I257)</f>
        <v/>
      </c>
      <c r="C30" s="46" t="str">
        <f>IF('Assessment Form'!$J257="","",'Assessment Form'!$J257)</f>
        <v/>
      </c>
      <c r="D30" s="48" t="str">
        <f>IF('Assessment Form'!$K257="","",'Assessment Form'!$H257)</f>
        <v/>
      </c>
      <c r="E30" s="46" t="str">
        <f>IF('Assessment Form'!$K257="","",'Assessment Form'!$N257)</f>
        <v/>
      </c>
      <c r="F30" s="46" t="str">
        <f>IF('Assessment Form'!$K257="","",'Assessment Form'!$P257)</f>
        <v/>
      </c>
    </row>
    <row r="31" spans="1:7" hidden="1" x14ac:dyDescent="0.2">
      <c r="A31" s="47" t="str">
        <f>IF('Assessment Form'!$K258="","",'Assessment Form'!$K258)</f>
        <v/>
      </c>
      <c r="B31" s="46" t="str">
        <f>IF('Assessment Form'!$I258="","",'Assessment Form'!$I258)</f>
        <v/>
      </c>
      <c r="C31" s="46" t="str">
        <f>IF('Assessment Form'!$J258="","",'Assessment Form'!$J258)</f>
        <v/>
      </c>
      <c r="D31" s="48" t="str">
        <f>IF('Assessment Form'!$K258="","",'Assessment Form'!$H258)</f>
        <v/>
      </c>
      <c r="E31" s="46" t="str">
        <f>IF('Assessment Form'!$K258="","",'Assessment Form'!$N258)</f>
        <v/>
      </c>
      <c r="F31" s="46" t="str">
        <f>IF('Assessment Form'!$K258="","",'Assessment Form'!$P258)</f>
        <v/>
      </c>
    </row>
    <row r="32" spans="1:7" x14ac:dyDescent="0.2">
      <c r="A32" s="105"/>
      <c r="B32" s="53"/>
      <c r="C32" s="53"/>
      <c r="D32" s="106"/>
      <c r="E32" s="53"/>
      <c r="F32" s="53"/>
    </row>
    <row r="33" spans="1:7" x14ac:dyDescent="0.2">
      <c r="A33" s="110" t="s">
        <v>154</v>
      </c>
      <c r="B33" s="53"/>
      <c r="C33" s="53"/>
      <c r="D33" s="106"/>
      <c r="E33" s="53"/>
      <c r="F33" s="53"/>
    </row>
    <row r="34" spans="1:7" x14ac:dyDescent="0.2">
      <c r="A34" s="105"/>
      <c r="B34" s="53"/>
      <c r="C34" s="53"/>
      <c r="D34" s="106"/>
      <c r="E34" s="53"/>
      <c r="F34" s="53"/>
    </row>
    <row r="35" spans="1:7" ht="51" x14ac:dyDescent="0.2">
      <c r="A35" s="103" t="str">
        <f>IF('Assessment Form'!$C$11="","PROJECT NAME",'Assessment Form'!$C$11)</f>
        <v>SH1 Spring Creek to Seddon and SH6 Blenheim Urban</v>
      </c>
      <c r="B35" s="33" t="s">
        <v>127</v>
      </c>
      <c r="C35" s="33" t="s">
        <v>126</v>
      </c>
      <c r="D35" s="33" t="s">
        <v>12</v>
      </c>
      <c r="E35" s="33" t="s">
        <v>117</v>
      </c>
      <c r="F35" s="33" t="s">
        <v>118</v>
      </c>
      <c r="G35" s="50" t="s">
        <v>130</v>
      </c>
    </row>
    <row r="36" spans="1:7" x14ac:dyDescent="0.2">
      <c r="A36" s="47" t="str">
        <f>IF('Assessment Form'!$K267="","",'Assessment Form'!$K267)</f>
        <v/>
      </c>
      <c r="B36" s="46" t="str">
        <f>IF('Assessment Form'!$I267="","",'Assessment Form'!$I267)</f>
        <v/>
      </c>
      <c r="C36" s="46" t="str">
        <f>IF('Assessment Form'!$J267="","",'Assessment Form'!$J267)</f>
        <v/>
      </c>
      <c r="D36" s="48" t="str">
        <f>IF('Assessment Form'!$K267="","",'Assessment Form'!$H267)</f>
        <v/>
      </c>
      <c r="E36" s="46" t="str">
        <f>IF('Assessment Form'!$K267="","",'Assessment Form'!$N267)</f>
        <v/>
      </c>
      <c r="F36" s="46" t="str">
        <f>IF('Assessment Form'!$K267="","",'Assessment Form'!$P267)</f>
        <v/>
      </c>
    </row>
    <row r="37" spans="1:7" ht="15" customHeight="1" x14ac:dyDescent="0.2">
      <c r="A37" s="47" t="str">
        <f>IF('Assessment Form'!$K268="","",'Assessment Form'!$K268)</f>
        <v/>
      </c>
      <c r="B37" s="46" t="str">
        <f>IF('Assessment Form'!$I268="","",'Assessment Form'!$I268)</f>
        <v/>
      </c>
      <c r="C37" s="46" t="str">
        <f>IF('Assessment Form'!$J268="","",'Assessment Form'!$J268)</f>
        <v/>
      </c>
      <c r="D37" s="48" t="str">
        <f>IF('Assessment Form'!$K268="","",'Assessment Form'!$H268)</f>
        <v/>
      </c>
      <c r="E37" s="46" t="str">
        <f>IF('Assessment Form'!$K268="","",'Assessment Form'!$N268)</f>
        <v/>
      </c>
      <c r="F37" s="46" t="str">
        <f>IF('Assessment Form'!$K268="","",'Assessment Form'!$P268)</f>
        <v/>
      </c>
    </row>
    <row r="38" spans="1:7" x14ac:dyDescent="0.2">
      <c r="A38" s="47" t="str">
        <f>IF('Assessment Form'!$K269="","",'Assessment Form'!$K269)</f>
        <v/>
      </c>
      <c r="B38" s="46" t="str">
        <f>IF('Assessment Form'!$I269="","",'Assessment Form'!$I269)</f>
        <v/>
      </c>
      <c r="C38" s="46" t="str">
        <f>IF('Assessment Form'!$J269="","",'Assessment Form'!$J269)</f>
        <v/>
      </c>
      <c r="D38" s="48" t="str">
        <f>IF('Assessment Form'!$K269="","",'Assessment Form'!$H269)</f>
        <v/>
      </c>
      <c r="E38" s="46" t="str">
        <f>IF('Assessment Form'!$K269="","",'Assessment Form'!$N269)</f>
        <v/>
      </c>
      <c r="F38" s="46" t="str">
        <f>IF('Assessment Form'!$K269="","",'Assessment Form'!$P269)</f>
        <v/>
      </c>
    </row>
    <row r="39" spans="1:7" x14ac:dyDescent="0.2">
      <c r="A39" s="47" t="str">
        <f>IF('Assessment Form'!$K270="","",'Assessment Form'!$K270)</f>
        <v/>
      </c>
      <c r="B39" s="46" t="str">
        <f>IF('Assessment Form'!$I270="","",'Assessment Form'!$I270)</f>
        <v/>
      </c>
      <c r="C39" s="46" t="str">
        <f>IF('Assessment Form'!$J270="","",'Assessment Form'!$J270)</f>
        <v/>
      </c>
      <c r="D39" s="48" t="str">
        <f>IF('Assessment Form'!$K270="","",'Assessment Form'!$H270)</f>
        <v/>
      </c>
      <c r="E39" s="46" t="str">
        <f>IF('Assessment Form'!$K270="","",'Assessment Form'!$N270)</f>
        <v/>
      </c>
      <c r="F39" s="46" t="str">
        <f>IF('Assessment Form'!$K270="","",'Assessment Form'!$P270)</f>
        <v/>
      </c>
      <c r="G39" s="53"/>
    </row>
    <row r="40" spans="1:7" x14ac:dyDescent="0.2">
      <c r="A40" s="47" t="str">
        <f>IF('Assessment Form'!$K271="","",'Assessment Form'!$K271)</f>
        <v/>
      </c>
      <c r="B40" s="46" t="str">
        <f>IF('Assessment Form'!$I271="","",'Assessment Form'!$I271)</f>
        <v/>
      </c>
      <c r="C40" s="46" t="str">
        <f>IF('Assessment Form'!$J271="","",'Assessment Form'!$J271)</f>
        <v/>
      </c>
      <c r="D40" s="48" t="str">
        <f>IF('Assessment Form'!$K271="","",'Assessment Form'!$H271)</f>
        <v/>
      </c>
      <c r="E40" s="46" t="str">
        <f>IF('Assessment Form'!$K271="","",'Assessment Form'!$N271)</f>
        <v/>
      </c>
      <c r="F40" s="46" t="str">
        <f>IF('Assessment Form'!$K271="","",'Assessment Form'!$P271)</f>
        <v/>
      </c>
      <c r="G40" s="53"/>
    </row>
    <row r="41" spans="1:7" x14ac:dyDescent="0.2">
      <c r="A41" s="47" t="str">
        <f>IF('Assessment Form'!$K272="","",'Assessment Form'!$K272)</f>
        <v/>
      </c>
      <c r="B41" s="46" t="str">
        <f>IF('Assessment Form'!$I272="","",'Assessment Form'!$I272)</f>
        <v/>
      </c>
      <c r="C41" s="46" t="str">
        <f>IF('Assessment Form'!$J272="","",'Assessment Form'!$J272)</f>
        <v/>
      </c>
      <c r="D41" s="48" t="str">
        <f>IF('Assessment Form'!$K272="","",'Assessment Form'!$H272)</f>
        <v/>
      </c>
      <c r="E41" s="46" t="str">
        <f>IF('Assessment Form'!$K272="","",'Assessment Form'!$N272)</f>
        <v/>
      </c>
      <c r="F41" s="46" t="str">
        <f>IF('Assessment Form'!$K272="","",'Assessment Form'!$P272)</f>
        <v/>
      </c>
    </row>
    <row r="42" spans="1:7" x14ac:dyDescent="0.2">
      <c r="A42" s="47" t="str">
        <f>IF('Assessment Form'!$K273="","",'Assessment Form'!$K273)</f>
        <v/>
      </c>
      <c r="B42" s="46" t="str">
        <f>IF('Assessment Form'!$I273="","",'Assessment Form'!$I273)</f>
        <v/>
      </c>
      <c r="C42" s="46" t="str">
        <f>IF('Assessment Form'!$J273="","",'Assessment Form'!$J273)</f>
        <v/>
      </c>
      <c r="D42" s="48" t="str">
        <f>IF('Assessment Form'!$K273="","",'Assessment Form'!$H273)</f>
        <v/>
      </c>
      <c r="E42" s="46" t="str">
        <f>IF('Assessment Form'!$K273="","",'Assessment Form'!$N273)</f>
        <v/>
      </c>
      <c r="F42" s="46" t="str">
        <f>IF('Assessment Form'!$K273="","",'Assessment Form'!$P273)</f>
        <v/>
      </c>
    </row>
    <row r="43" spans="1:7" ht="22.5" x14ac:dyDescent="0.2">
      <c r="A43" s="47" t="str">
        <f>IF('Assessment Form'!$K274="","",'Assessment Form'!$K274)</f>
        <v/>
      </c>
      <c r="B43" s="46" t="str">
        <f>IF('Assessment Form'!$I274="","",'Assessment Form'!$I274)</f>
        <v/>
      </c>
      <c r="C43" s="46" t="str">
        <f>IF('Assessment Form'!$J274="","",'Assessment Form'!$J274)</f>
        <v/>
      </c>
      <c r="D43" s="48" t="str">
        <f>IF('Assessment Form'!$K274="","",'Assessment Form'!$H274)</f>
        <v/>
      </c>
      <c r="E43" s="46" t="str">
        <f>IF('Assessment Form'!$K274="","",'Assessment Form'!$N274)</f>
        <v/>
      </c>
      <c r="F43" s="46" t="str">
        <f>IF('Assessment Form'!$K274="","",'Assessment Form'!$P274)</f>
        <v/>
      </c>
      <c r="G43" s="50" t="s">
        <v>144</v>
      </c>
    </row>
    <row r="44" spans="1:7" hidden="1" x14ac:dyDescent="0.2">
      <c r="A44" s="47" t="str">
        <f>IF('Assessment Form'!$K275="","",'Assessment Form'!$K275)</f>
        <v/>
      </c>
      <c r="B44" s="46" t="str">
        <f>IF('Assessment Form'!$I275="","",'Assessment Form'!$I275)</f>
        <v/>
      </c>
      <c r="C44" s="46" t="str">
        <f>IF('Assessment Form'!$J275="","",'Assessment Form'!$J275)</f>
        <v/>
      </c>
      <c r="D44" s="48" t="str">
        <f>IF('Assessment Form'!$K275="","",'Assessment Form'!$H275)</f>
        <v/>
      </c>
      <c r="E44" s="46" t="str">
        <f>IF('Assessment Form'!$K275="","",'Assessment Form'!$N275)</f>
        <v/>
      </c>
      <c r="F44" s="46" t="str">
        <f>IF('Assessment Form'!$K275="","",'Assessment Form'!$P275)</f>
        <v/>
      </c>
    </row>
    <row r="45" spans="1:7" hidden="1" x14ac:dyDescent="0.2">
      <c r="A45" s="47" t="str">
        <f>IF('Assessment Form'!$K276="","",'Assessment Form'!$K276)</f>
        <v/>
      </c>
      <c r="B45" s="46" t="str">
        <f>IF('Assessment Form'!$I276="","",'Assessment Form'!$I276)</f>
        <v/>
      </c>
      <c r="C45" s="46" t="str">
        <f>IF('Assessment Form'!$J276="","",'Assessment Form'!$J276)</f>
        <v/>
      </c>
      <c r="D45" s="48" t="str">
        <f>IF('Assessment Form'!$K276="","",'Assessment Form'!$H276)</f>
        <v/>
      </c>
      <c r="E45" s="46" t="str">
        <f>IF('Assessment Form'!$K276="","",'Assessment Form'!$N276)</f>
        <v/>
      </c>
      <c r="F45" s="46" t="str">
        <f>IF('Assessment Form'!$K276="","",'Assessment Form'!$P276)</f>
        <v/>
      </c>
    </row>
    <row r="46" spans="1:7" hidden="1" x14ac:dyDescent="0.2">
      <c r="A46" s="47" t="str">
        <f>IF('Assessment Form'!$K277="","",'Assessment Form'!$K277)</f>
        <v/>
      </c>
      <c r="B46" s="46" t="str">
        <f>IF('Assessment Form'!$I277="","",'Assessment Form'!$I277)</f>
        <v/>
      </c>
      <c r="C46" s="46" t="str">
        <f>IF('Assessment Form'!$J277="","",'Assessment Form'!$J277)</f>
        <v/>
      </c>
      <c r="D46" s="48" t="str">
        <f>IF('Assessment Form'!$K277="","",'Assessment Form'!$H277)</f>
        <v/>
      </c>
      <c r="E46" s="46" t="str">
        <f>IF('Assessment Form'!$K277="","",'Assessment Form'!$N277)</f>
        <v/>
      </c>
      <c r="F46" s="46" t="str">
        <f>IF('Assessment Form'!$K277="","",'Assessment Form'!$P277)</f>
        <v/>
      </c>
    </row>
    <row r="47" spans="1:7" x14ac:dyDescent="0.2">
      <c r="A47" s="105"/>
      <c r="B47" s="53"/>
      <c r="C47" s="53"/>
      <c r="D47" s="106"/>
      <c r="E47" s="53"/>
      <c r="F47" s="53"/>
    </row>
    <row r="48" spans="1:7" x14ac:dyDescent="0.2">
      <c r="A48" s="105"/>
      <c r="B48" s="53"/>
      <c r="C48" s="53"/>
      <c r="D48" s="106"/>
      <c r="E48" s="53"/>
      <c r="F48" s="53"/>
    </row>
    <row r="50" spans="1:8" x14ac:dyDescent="0.2">
      <c r="A50" s="32" t="s">
        <v>119</v>
      </c>
      <c r="B50" s="375" t="s">
        <v>120</v>
      </c>
      <c r="C50" s="375"/>
      <c r="D50" s="375"/>
    </row>
    <row r="51" spans="1:8" x14ac:dyDescent="0.2">
      <c r="A51" s="88" t="s">
        <v>121</v>
      </c>
      <c r="B51" s="382" t="s">
        <v>143</v>
      </c>
      <c r="C51" s="383"/>
      <c r="D51" s="384"/>
      <c r="G51" s="51"/>
    </row>
    <row r="52" spans="1:8" ht="45" x14ac:dyDescent="0.2">
      <c r="A52" s="88" t="s">
        <v>122</v>
      </c>
      <c r="B52" s="379" t="s">
        <v>156</v>
      </c>
      <c r="C52" s="380"/>
      <c r="D52" s="381"/>
      <c r="G52" s="50" t="s">
        <v>128</v>
      </c>
    </row>
    <row r="53" spans="1:8" ht="27" customHeight="1" x14ac:dyDescent="0.2">
      <c r="A53" s="88" t="s">
        <v>123</v>
      </c>
      <c r="B53" s="376" t="str">
        <f>IF('Assessment Form'!$B249=0,"TOTAL LENGTH TO BE POPULATED AUTOMATICALLY",CONCATENATE(SUM('Assessment Form'!$B$248:$B$256)," km"))</f>
        <v>108 km</v>
      </c>
      <c r="C53" s="377"/>
      <c r="D53" s="378"/>
      <c r="G53" s="51" t="s">
        <v>129</v>
      </c>
    </row>
    <row r="54" spans="1:8" ht="66.599999999999994" customHeight="1" x14ac:dyDescent="0.2">
      <c r="A54" s="88" t="s">
        <v>157</v>
      </c>
      <c r="B54" s="379" t="s">
        <v>156</v>
      </c>
      <c r="C54" s="380"/>
      <c r="D54" s="381"/>
      <c r="G54" s="50" t="s">
        <v>128</v>
      </c>
    </row>
    <row r="55" spans="1:8" ht="45" x14ac:dyDescent="0.2">
      <c r="A55" s="89" t="s">
        <v>124</v>
      </c>
      <c r="B55" s="379" t="s">
        <v>156</v>
      </c>
      <c r="C55" s="380"/>
      <c r="D55" s="381"/>
      <c r="G55" s="50" t="s">
        <v>128</v>
      </c>
    </row>
    <row r="56" spans="1:8" ht="35.25" customHeight="1" x14ac:dyDescent="0.2">
      <c r="A56" s="89" t="s">
        <v>125</v>
      </c>
      <c r="B56" s="376" t="str">
        <f>IF('Assessment Form'!$G$124="","AUTOMATIC FUNCTION - INSERT CRASH HISTORY IN ASSESSMENT FORM",CONCATENATE("Between ", 'Assessment Form'!$G$124," and ",'Assessment Form'!$G$125," there were ",'Assessment Form'!$G$126," injury crashes on this section of highway. ", 'Assessment Form'!$G$128," people were fatally injured and ",'Assessment Form'!$G$129," people were seriously injured."))</f>
        <v>Between 2010 and 2019 there were 243 injury crashes on this section of highway. 9 people were fatally injured and 55 people were seriously injured.</v>
      </c>
      <c r="C56" s="377"/>
      <c r="D56" s="378"/>
      <c r="G56" s="51" t="s">
        <v>129</v>
      </c>
    </row>
    <row r="57" spans="1:8" x14ac:dyDescent="0.2">
      <c r="G57" s="51"/>
    </row>
    <row r="58" spans="1:8" x14ac:dyDescent="0.2">
      <c r="G58" s="50"/>
      <c r="H58" s="50"/>
    </row>
    <row r="59" spans="1:8" x14ac:dyDescent="0.2">
      <c r="H59" s="52"/>
    </row>
    <row r="62" spans="1:8" ht="28.5" customHeight="1" x14ac:dyDescent="0.2"/>
    <row r="65" spans="1:2" x14ac:dyDescent="0.2">
      <c r="A65" s="49"/>
      <c r="B65" s="49"/>
    </row>
  </sheetData>
  <mergeCells count="7">
    <mergeCell ref="B50:D50"/>
    <mergeCell ref="B53:D53"/>
    <mergeCell ref="B55:D55"/>
    <mergeCell ref="B56:D56"/>
    <mergeCell ref="B51:D51"/>
    <mergeCell ref="B52:D52"/>
    <mergeCell ref="B54:D54"/>
  </mergeCells>
  <pageMargins left="0.25" right="0.25" top="0.75" bottom="0.75" header="0.3" footer="0.3"/>
  <pageSetup orientation="portrait" r:id="rId1"/>
  <headerFooter>
    <oddHeader xml:space="preserve">&amp;L&amp;"Calibri"&amp;8&amp;K000000 Sensitivity: General&amp;1#_x000D_&amp;16&amp;F&amp;R
</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6E29DE-650E-494E-B8F1-1440AD01726E}">
  <dimension ref="A1:G11"/>
  <sheetViews>
    <sheetView workbookViewId="0">
      <selection activeCell="H16" sqref="H16"/>
    </sheetView>
  </sheetViews>
  <sheetFormatPr defaultRowHeight="15" x14ac:dyDescent="0.25"/>
  <cols>
    <col min="2" max="2" width="12" customWidth="1"/>
    <col min="3" max="3" width="61.42578125" style="3" customWidth="1"/>
    <col min="4" max="5" width="20.42578125" customWidth="1"/>
  </cols>
  <sheetData>
    <row r="1" spans="1:7" x14ac:dyDescent="0.25">
      <c r="A1" t="s">
        <v>78</v>
      </c>
    </row>
    <row r="3" spans="1:7" x14ac:dyDescent="0.25">
      <c r="A3" s="8" t="s">
        <v>74</v>
      </c>
      <c r="B3" s="8" t="s">
        <v>3</v>
      </c>
      <c r="C3" s="9" t="s">
        <v>77</v>
      </c>
      <c r="D3" s="8" t="s">
        <v>75</v>
      </c>
      <c r="E3" s="8" t="s">
        <v>76</v>
      </c>
      <c r="F3" s="1"/>
      <c r="G3" s="1"/>
    </row>
    <row r="4" spans="1:7" x14ac:dyDescent="0.25">
      <c r="A4" s="28">
        <v>0</v>
      </c>
      <c r="B4" s="4">
        <v>44021</v>
      </c>
      <c r="C4" s="5" t="s">
        <v>96</v>
      </c>
      <c r="D4" s="6" t="s">
        <v>512</v>
      </c>
      <c r="E4" s="6" t="s">
        <v>512</v>
      </c>
      <c r="F4" s="1"/>
      <c r="G4" s="1"/>
    </row>
    <row r="5" spans="1:7" x14ac:dyDescent="0.25">
      <c r="A5" s="18">
        <v>1</v>
      </c>
      <c r="B5" s="4">
        <v>44100</v>
      </c>
      <c r="C5" s="5"/>
      <c r="D5" s="6" t="s">
        <v>512</v>
      </c>
      <c r="E5" s="6"/>
      <c r="F5" s="1"/>
      <c r="G5" s="1"/>
    </row>
    <row r="6" spans="1:7" ht="45" x14ac:dyDescent="0.25">
      <c r="A6" s="17">
        <v>2</v>
      </c>
      <c r="B6" s="4">
        <v>44125</v>
      </c>
      <c r="C6" s="21" t="s">
        <v>95</v>
      </c>
      <c r="D6" s="29" t="s">
        <v>513</v>
      </c>
      <c r="E6" s="6" t="s">
        <v>513</v>
      </c>
      <c r="F6" s="1"/>
      <c r="G6" s="1"/>
    </row>
    <row r="7" spans="1:7" ht="45" x14ac:dyDescent="0.25">
      <c r="A7" s="6">
        <v>3</v>
      </c>
      <c r="B7" s="4">
        <v>44217</v>
      </c>
      <c r="C7" s="21" t="s">
        <v>107</v>
      </c>
      <c r="D7" s="29" t="s">
        <v>513</v>
      </c>
      <c r="E7" s="29" t="s">
        <v>513</v>
      </c>
      <c r="F7" s="1"/>
      <c r="G7" s="1"/>
    </row>
    <row r="8" spans="1:7" x14ac:dyDescent="0.25">
      <c r="A8" s="6"/>
      <c r="B8" s="4"/>
      <c r="C8" s="7"/>
      <c r="D8" s="6"/>
      <c r="E8" s="6"/>
      <c r="F8" s="1"/>
      <c r="G8" s="1"/>
    </row>
    <row r="9" spans="1:7" x14ac:dyDescent="0.25">
      <c r="A9" s="1"/>
      <c r="B9" s="2"/>
      <c r="D9" s="1"/>
      <c r="E9" s="1"/>
      <c r="F9" s="1"/>
      <c r="G9" s="1"/>
    </row>
    <row r="10" spans="1:7" x14ac:dyDescent="0.25">
      <c r="B10" s="2"/>
    </row>
    <row r="11" spans="1:7" x14ac:dyDescent="0.25">
      <c r="B11" s="2"/>
    </row>
  </sheetData>
  <pageMargins left="0.7" right="0.7" top="0.75" bottom="0.75" header="0.3" footer="0.3"/>
  <pageSetup paperSize="9" orientation="portrait" r:id="rId1"/>
  <headerFooter>
    <oddHeader>&amp;L&amp;"Calibri"&amp;8&amp;K000000 Sensitivity: General&amp;1#_x000D_</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B3F7176-FEBE-4340-88A6-72FF62049CF7}">
  <dimension ref="A1:AF33"/>
  <sheetViews>
    <sheetView topLeftCell="J1" workbookViewId="0">
      <selection activeCell="X8" sqref="X8"/>
    </sheetView>
  </sheetViews>
  <sheetFormatPr defaultRowHeight="15" x14ac:dyDescent="0.25"/>
  <cols>
    <col min="1" max="1" width="8.42578125" style="190" bestFit="1" customWidth="1"/>
    <col min="2" max="2" width="12.5703125" style="180" bestFit="1" customWidth="1"/>
    <col min="3" max="3" width="10.42578125" style="169" bestFit="1" customWidth="1"/>
    <col min="4" max="4" width="20.5703125" style="181" customWidth="1"/>
    <col min="5" max="5" width="12.5703125" style="168" bestFit="1" customWidth="1"/>
    <col min="6" max="6" width="10.42578125" style="168" bestFit="1" customWidth="1"/>
    <col min="7" max="7" width="9.42578125" style="181"/>
    <col min="8" max="8" width="12.5703125" style="170" bestFit="1" customWidth="1"/>
    <col min="9" max="9" width="10.42578125" style="168" bestFit="1" customWidth="1"/>
    <col min="11" max="11" width="12.5703125" style="170" bestFit="1" customWidth="1"/>
    <col min="12" max="12" width="10.42578125" style="168" bestFit="1" customWidth="1"/>
    <col min="15" max="15" width="8.42578125" style="190" bestFit="1" customWidth="1"/>
    <col min="20" max="20" width="9.42578125" style="192"/>
    <col min="21" max="25" width="9.42578125" style="193"/>
    <col min="26" max="26" width="7.5703125" style="194" bestFit="1" customWidth="1"/>
    <col min="27" max="27" width="19.42578125" style="195" customWidth="1"/>
    <col min="28" max="28" width="9.42578125" style="193"/>
    <col min="30" max="30" width="23.5703125" style="197" bestFit="1" customWidth="1"/>
    <col min="31" max="31" width="23.42578125" style="198" bestFit="1" customWidth="1"/>
  </cols>
  <sheetData>
    <row r="1" spans="1:31" ht="15.75" thickBot="1" x14ac:dyDescent="0.3">
      <c r="A1"/>
      <c r="B1" s="410" t="s">
        <v>278</v>
      </c>
      <c r="C1" s="411"/>
      <c r="D1" s="411"/>
      <c r="E1" s="411"/>
      <c r="F1" s="411"/>
      <c r="G1" s="411"/>
      <c r="H1" s="411"/>
      <c r="I1" s="411"/>
      <c r="J1" s="411"/>
      <c r="K1" s="243"/>
      <c r="L1" s="243"/>
      <c r="M1" s="243"/>
      <c r="O1" s="412" t="s">
        <v>279</v>
      </c>
      <c r="P1" s="413"/>
      <c r="Q1" s="413"/>
      <c r="R1" s="413"/>
      <c r="S1" s="413"/>
      <c r="T1" s="413"/>
      <c r="U1" s="413"/>
      <c r="V1" s="413"/>
      <c r="W1" s="413"/>
      <c r="X1" s="413"/>
      <c r="Y1" s="413"/>
      <c r="Z1" s="414"/>
      <c r="AA1" s="414"/>
      <c r="AB1" s="414"/>
      <c r="AC1" s="139"/>
      <c r="AD1" s="140"/>
      <c r="AE1" s="141"/>
    </row>
    <row r="2" spans="1:31" ht="50.1" customHeight="1" x14ac:dyDescent="0.25">
      <c r="A2" s="396" t="s">
        <v>280</v>
      </c>
      <c r="B2" s="398" t="s">
        <v>281</v>
      </c>
      <c r="C2" s="400" t="s">
        <v>12</v>
      </c>
      <c r="D2" s="402" t="s">
        <v>282</v>
      </c>
      <c r="E2" s="404" t="s">
        <v>283</v>
      </c>
      <c r="F2" s="408" t="s">
        <v>12</v>
      </c>
      <c r="G2" s="402" t="s">
        <v>284</v>
      </c>
      <c r="H2" s="406" t="s">
        <v>285</v>
      </c>
      <c r="I2" s="408" t="s">
        <v>12</v>
      </c>
      <c r="J2" s="402" t="s">
        <v>284</v>
      </c>
      <c r="K2" s="406" t="s">
        <v>511</v>
      </c>
      <c r="L2" s="408" t="s">
        <v>12</v>
      </c>
      <c r="M2" s="402" t="s">
        <v>284</v>
      </c>
      <c r="N2" s="142"/>
      <c r="O2" s="396" t="s">
        <v>286</v>
      </c>
      <c r="P2" s="396" t="s">
        <v>11</v>
      </c>
      <c r="Q2" s="396" t="s">
        <v>25</v>
      </c>
      <c r="R2" s="396"/>
      <c r="S2" s="416" t="s">
        <v>12</v>
      </c>
      <c r="T2" s="418" t="s">
        <v>287</v>
      </c>
      <c r="U2" s="385" t="s">
        <v>60</v>
      </c>
      <c r="V2" s="387" t="s">
        <v>288</v>
      </c>
      <c r="W2" s="387" t="s">
        <v>289</v>
      </c>
      <c r="X2" s="387" t="s">
        <v>290</v>
      </c>
      <c r="Y2" s="387" t="s">
        <v>291</v>
      </c>
      <c r="Z2" s="390" t="s">
        <v>292</v>
      </c>
      <c r="AA2" s="392" t="s">
        <v>292</v>
      </c>
      <c r="AB2" s="385" t="s">
        <v>66</v>
      </c>
      <c r="AC2" s="139"/>
      <c r="AD2" s="394" t="s">
        <v>293</v>
      </c>
      <c r="AE2" s="388" t="s">
        <v>294</v>
      </c>
    </row>
    <row r="3" spans="1:31" ht="50.1" customHeight="1" x14ac:dyDescent="0.25">
      <c r="A3" s="397"/>
      <c r="B3" s="399"/>
      <c r="C3" s="401"/>
      <c r="D3" s="403"/>
      <c r="E3" s="405"/>
      <c r="F3" s="409"/>
      <c r="G3" s="403"/>
      <c r="H3" s="407"/>
      <c r="I3" s="409"/>
      <c r="J3" s="403"/>
      <c r="K3" s="407"/>
      <c r="L3" s="409"/>
      <c r="M3" s="403"/>
      <c r="N3" s="143"/>
      <c r="O3" s="397"/>
      <c r="P3" s="415"/>
      <c r="Q3" s="144" t="s">
        <v>295</v>
      </c>
      <c r="R3" s="144" t="s">
        <v>296</v>
      </c>
      <c r="S3" s="417"/>
      <c r="T3" s="419"/>
      <c r="U3" s="386"/>
      <c r="V3" s="385"/>
      <c r="W3" s="385"/>
      <c r="X3" s="385"/>
      <c r="Y3" s="385"/>
      <c r="Z3" s="391"/>
      <c r="AA3" s="393"/>
      <c r="AB3" s="386"/>
      <c r="AC3" s="139"/>
      <c r="AD3" s="395"/>
      <c r="AE3" s="389"/>
    </row>
    <row r="4" spans="1:31" ht="50.1" customHeight="1" x14ac:dyDescent="0.25">
      <c r="A4" s="210" t="s">
        <v>365</v>
      </c>
      <c r="B4" s="211" t="s">
        <v>392</v>
      </c>
      <c r="C4" s="212">
        <v>0.43</v>
      </c>
      <c r="D4" s="214">
        <v>34.4</v>
      </c>
      <c r="E4" s="215"/>
      <c r="F4" s="216"/>
      <c r="G4" s="214"/>
      <c r="H4" s="217"/>
      <c r="I4" s="216"/>
      <c r="J4" s="214"/>
      <c r="K4" s="228"/>
      <c r="L4" s="226"/>
      <c r="M4" s="224"/>
      <c r="N4" s="220"/>
      <c r="O4" s="210" t="s">
        <v>365</v>
      </c>
      <c r="P4" s="218" t="s">
        <v>174</v>
      </c>
      <c r="Q4" s="144" t="s">
        <v>390</v>
      </c>
      <c r="R4" s="144" t="s">
        <v>391</v>
      </c>
      <c r="S4" s="209">
        <v>0.43</v>
      </c>
      <c r="T4" s="154">
        <f>C4+F4+I4+L4</f>
        <v>0.43</v>
      </c>
      <c r="U4" s="208">
        <v>50</v>
      </c>
      <c r="V4" s="207"/>
      <c r="W4" s="207"/>
      <c r="X4" s="207"/>
      <c r="Y4" s="207"/>
      <c r="Z4" s="156">
        <f>ROUND((C4*D4+F4*G4+I4*J4+L4*M4)/(C4+F4+I4+L4),2)</f>
        <v>34.4</v>
      </c>
      <c r="AA4" s="157">
        <f t="shared" ref="AA4:AA11" si="0">Z4</f>
        <v>34.4</v>
      </c>
      <c r="AB4" s="208">
        <v>40</v>
      </c>
      <c r="AC4" s="139"/>
      <c r="AD4" s="159">
        <f>IF(AND(AB4&lt;=U4, AA4&lt;=AB4), 0, (T4/AA4-T4/AB4)*3600)</f>
        <v>0</v>
      </c>
      <c r="AE4" s="160">
        <f>IF(ISBLANK(V4),(T4/U4-T4/AB4)*3600, IF(ISBLANK(X4), ((T4-W4)/U4+W4/V4-T4/AB4)*3600, ((T4-W4-Y4)/U4+W4/V4+Y4/X4-T4/AB4)*3600))</f>
        <v>-7.7399999999999967</v>
      </c>
    </row>
    <row r="5" spans="1:31" ht="50.1" customHeight="1" x14ac:dyDescent="0.25">
      <c r="A5" s="210" t="s">
        <v>366</v>
      </c>
      <c r="B5" s="211" t="s">
        <v>392</v>
      </c>
      <c r="C5" s="212">
        <v>0.11</v>
      </c>
      <c r="D5" s="214">
        <v>34.4</v>
      </c>
      <c r="E5" s="215" t="s">
        <v>403</v>
      </c>
      <c r="F5" s="216">
        <v>0.12</v>
      </c>
      <c r="G5" s="214">
        <v>42.9</v>
      </c>
      <c r="H5" s="217"/>
      <c r="I5" s="216"/>
      <c r="J5" s="214"/>
      <c r="K5" s="228"/>
      <c r="L5" s="226"/>
      <c r="M5" s="224"/>
      <c r="N5" s="220"/>
      <c r="O5" s="210" t="s">
        <v>366</v>
      </c>
      <c r="P5" s="218" t="s">
        <v>174</v>
      </c>
      <c r="Q5" s="144" t="s">
        <v>391</v>
      </c>
      <c r="R5" s="144" t="s">
        <v>393</v>
      </c>
      <c r="S5" s="209">
        <v>0.23599999999999999</v>
      </c>
      <c r="T5" s="154">
        <f t="shared" ref="T5:T29" si="1">C5+F5+I5+L5</f>
        <v>0.22999999999999998</v>
      </c>
      <c r="U5" s="208">
        <v>50</v>
      </c>
      <c r="V5" s="207"/>
      <c r="W5" s="207"/>
      <c r="X5" s="207"/>
      <c r="Y5" s="207"/>
      <c r="Z5" s="156">
        <f t="shared" ref="Z5:Z29" si="2">ROUND((C5*D5+F5*G5+I5*J5+L5*M5)/(C5+F5+I5+L5),2)</f>
        <v>38.83</v>
      </c>
      <c r="AA5" s="157">
        <f t="shared" si="0"/>
        <v>38.83</v>
      </c>
      <c r="AB5" s="208">
        <v>50</v>
      </c>
      <c r="AC5" s="139"/>
      <c r="AD5" s="159">
        <f t="shared" ref="AD5:AD12" si="3">IF(AND(AB5&lt;=U5, AA5&lt;=AB5), 0, (T5/AA5-T5/AB5)*3600)</f>
        <v>0</v>
      </c>
      <c r="AE5" s="160">
        <f t="shared" ref="AE5:AE12" si="4">IF(ISBLANK(V5),(T5/U5-T5/AB5)*3600, IF(ISBLANK(X5), ((T5-W5)/U5+W5/V5-T5/AB5)*3600, ((T5-W5-Y5)/U5+W5/V5+Y5/X5-T5/AB5)*3600))</f>
        <v>0</v>
      </c>
    </row>
    <row r="6" spans="1:31" ht="50.1" customHeight="1" x14ac:dyDescent="0.25">
      <c r="A6" s="210" t="s">
        <v>367</v>
      </c>
      <c r="B6" s="215" t="s">
        <v>403</v>
      </c>
      <c r="C6" s="216">
        <v>0.25</v>
      </c>
      <c r="D6" s="214">
        <v>42.9</v>
      </c>
      <c r="E6" s="215" t="s">
        <v>404</v>
      </c>
      <c r="F6" s="216">
        <v>0.44</v>
      </c>
      <c r="G6" s="214">
        <v>35.159999999999997</v>
      </c>
      <c r="H6" s="217" t="s">
        <v>395</v>
      </c>
      <c r="I6" s="216">
        <v>0.85</v>
      </c>
      <c r="J6" s="214">
        <v>51.59</v>
      </c>
      <c r="K6" s="228"/>
      <c r="L6" s="226"/>
      <c r="M6" s="224"/>
      <c r="N6" s="220"/>
      <c r="O6" s="210" t="s">
        <v>367</v>
      </c>
      <c r="P6" s="218" t="s">
        <v>174</v>
      </c>
      <c r="Q6" s="144" t="s">
        <v>393</v>
      </c>
      <c r="R6" s="144" t="s">
        <v>394</v>
      </c>
      <c r="S6" s="209">
        <v>1.5329999999999999</v>
      </c>
      <c r="T6" s="154">
        <f t="shared" si="1"/>
        <v>1.54</v>
      </c>
      <c r="U6" s="208">
        <v>50</v>
      </c>
      <c r="V6" s="207"/>
      <c r="W6" s="207"/>
      <c r="X6" s="207"/>
      <c r="Y6" s="207"/>
      <c r="Z6" s="156">
        <f t="shared" si="2"/>
        <v>45.49</v>
      </c>
      <c r="AA6" s="157">
        <f t="shared" si="0"/>
        <v>45.49</v>
      </c>
      <c r="AB6" s="208">
        <v>50</v>
      </c>
      <c r="AC6" s="139"/>
      <c r="AD6" s="159">
        <f t="shared" si="3"/>
        <v>0</v>
      </c>
      <c r="AE6" s="160">
        <f t="shared" si="4"/>
        <v>0</v>
      </c>
    </row>
    <row r="7" spans="1:31" ht="50.1" customHeight="1" x14ac:dyDescent="0.25">
      <c r="A7" s="210" t="s">
        <v>368</v>
      </c>
      <c r="B7" s="211" t="s">
        <v>395</v>
      </c>
      <c r="C7" s="212">
        <f>2.067-2.008</f>
        <v>5.9000000000000163E-2</v>
      </c>
      <c r="D7" s="214">
        <v>51.59</v>
      </c>
      <c r="E7" s="215" t="s">
        <v>405</v>
      </c>
      <c r="F7" s="216">
        <v>0.5</v>
      </c>
      <c r="G7" s="214">
        <v>77.11</v>
      </c>
      <c r="H7" s="217" t="s">
        <v>397</v>
      </c>
      <c r="I7" s="216">
        <v>2.72</v>
      </c>
      <c r="J7" s="214">
        <v>83.42</v>
      </c>
      <c r="K7" s="228"/>
      <c r="L7" s="226"/>
      <c r="M7" s="224"/>
      <c r="N7" s="220"/>
      <c r="O7" s="210" t="s">
        <v>368</v>
      </c>
      <c r="P7" s="218" t="s">
        <v>174</v>
      </c>
      <c r="Q7" s="144" t="s">
        <v>394</v>
      </c>
      <c r="R7" s="144" t="s">
        <v>396</v>
      </c>
      <c r="S7" s="209">
        <v>3.282</v>
      </c>
      <c r="T7" s="154">
        <f t="shared" si="1"/>
        <v>3.2790000000000004</v>
      </c>
      <c r="U7" s="208">
        <v>100</v>
      </c>
      <c r="V7" s="207"/>
      <c r="W7" s="207"/>
      <c r="X7" s="207"/>
      <c r="Y7" s="207"/>
      <c r="Z7" s="156">
        <f t="shared" si="2"/>
        <v>81.89</v>
      </c>
      <c r="AA7" s="157">
        <f t="shared" si="0"/>
        <v>81.89</v>
      </c>
      <c r="AB7" s="208">
        <v>80</v>
      </c>
      <c r="AC7" s="139"/>
      <c r="AD7" s="159">
        <f t="shared" si="3"/>
        <v>-3.4055312003907741</v>
      </c>
      <c r="AE7" s="160">
        <f>IF(ISBLANK(V7),(T7/U7-T7/AB7)*3600, IF(ISBLANK(X7), ((T7-W7)/U7+W7/V7-T7/AB7)*3600, ((T7-W7-Y7)/U7+W7/V7+Y7/X7-T7/AB7)*3600))</f>
        <v>-29.510999999999989</v>
      </c>
    </row>
    <row r="8" spans="1:31" ht="50.1" customHeight="1" x14ac:dyDescent="0.25">
      <c r="A8" s="210" t="s">
        <v>369</v>
      </c>
      <c r="B8" s="211" t="s">
        <v>399</v>
      </c>
      <c r="C8" s="212">
        <v>1.39</v>
      </c>
      <c r="D8" s="214">
        <v>91.32</v>
      </c>
      <c r="E8" s="215"/>
      <c r="F8" s="216"/>
      <c r="G8" s="214"/>
      <c r="H8" s="217"/>
      <c r="I8" s="216"/>
      <c r="J8" s="214"/>
      <c r="K8" s="228"/>
      <c r="L8" s="226"/>
      <c r="M8" s="224"/>
      <c r="N8" s="220"/>
      <c r="O8" s="210" t="s">
        <v>369</v>
      </c>
      <c r="P8" s="218" t="s">
        <v>174</v>
      </c>
      <c r="Q8" s="144" t="s">
        <v>396</v>
      </c>
      <c r="R8" s="144" t="s">
        <v>398</v>
      </c>
      <c r="S8" s="209">
        <v>1.3919999999999999</v>
      </c>
      <c r="T8" s="154">
        <f t="shared" si="1"/>
        <v>1.39</v>
      </c>
      <c r="U8" s="208">
        <v>100</v>
      </c>
      <c r="V8" s="207"/>
      <c r="W8" s="207"/>
      <c r="X8" s="207"/>
      <c r="Y8" s="207"/>
      <c r="Z8" s="156">
        <f t="shared" si="2"/>
        <v>91.32</v>
      </c>
      <c r="AA8" s="157">
        <f t="shared" si="0"/>
        <v>91.32</v>
      </c>
      <c r="AB8" s="208">
        <v>80</v>
      </c>
      <c r="AC8" s="139"/>
      <c r="AD8" s="159">
        <f t="shared" si="3"/>
        <v>-7.7536793692509809</v>
      </c>
      <c r="AE8" s="160">
        <f t="shared" si="4"/>
        <v>-12.509999999999996</v>
      </c>
    </row>
    <row r="9" spans="1:31" ht="50.1" customHeight="1" x14ac:dyDescent="0.25">
      <c r="A9" s="210" t="s">
        <v>370</v>
      </c>
      <c r="B9" s="211" t="s">
        <v>399</v>
      </c>
      <c r="C9" s="212">
        <v>1.1479999999999999</v>
      </c>
      <c r="D9" s="214">
        <v>91.32</v>
      </c>
      <c r="E9" s="215"/>
      <c r="F9" s="216"/>
      <c r="G9" s="214"/>
      <c r="H9" s="217"/>
      <c r="I9" s="216"/>
      <c r="J9" s="214"/>
      <c r="K9" s="228"/>
      <c r="L9" s="226"/>
      <c r="M9" s="224"/>
      <c r="N9" s="220"/>
      <c r="O9" s="210" t="s">
        <v>370</v>
      </c>
      <c r="P9" s="218" t="s">
        <v>174</v>
      </c>
      <c r="Q9" s="144" t="s">
        <v>398</v>
      </c>
      <c r="R9" s="144" t="s">
        <v>400</v>
      </c>
      <c r="S9" s="209">
        <v>1.1479999999999999</v>
      </c>
      <c r="T9" s="154">
        <f t="shared" si="1"/>
        <v>1.1479999999999999</v>
      </c>
      <c r="U9" s="208">
        <v>100</v>
      </c>
      <c r="V9" s="207"/>
      <c r="W9" s="207"/>
      <c r="X9" s="207"/>
      <c r="Y9" s="207"/>
      <c r="Z9" s="156">
        <f t="shared" si="2"/>
        <v>91.32</v>
      </c>
      <c r="AA9" s="157">
        <f t="shared" si="0"/>
        <v>91.32</v>
      </c>
      <c r="AB9" s="208">
        <v>80</v>
      </c>
      <c r="AC9" s="139"/>
      <c r="AD9" s="159">
        <f t="shared" si="3"/>
        <v>-6.403758212877789</v>
      </c>
      <c r="AE9" s="160">
        <f t="shared" si="4"/>
        <v>-10.331999999999997</v>
      </c>
    </row>
    <row r="10" spans="1:31" ht="50.1" customHeight="1" x14ac:dyDescent="0.25">
      <c r="A10" s="210" t="s">
        <v>371</v>
      </c>
      <c r="B10" s="211" t="s">
        <v>399</v>
      </c>
      <c r="C10" s="212">
        <f>S10-F10</f>
        <v>8.7270000000000003</v>
      </c>
      <c r="D10" s="214">
        <v>91.32</v>
      </c>
      <c r="E10" s="215" t="s">
        <v>408</v>
      </c>
      <c r="F10" s="216">
        <v>1.79</v>
      </c>
      <c r="G10" s="214">
        <v>87.91</v>
      </c>
      <c r="H10" s="217"/>
      <c r="I10" s="216"/>
      <c r="J10" s="214"/>
      <c r="K10" s="228"/>
      <c r="L10" s="226"/>
      <c r="M10" s="224"/>
      <c r="N10" s="220"/>
      <c r="O10" s="210" t="s">
        <v>371</v>
      </c>
      <c r="P10" s="218" t="s">
        <v>174</v>
      </c>
      <c r="Q10" s="144" t="s">
        <v>400</v>
      </c>
      <c r="R10" s="144" t="s">
        <v>401</v>
      </c>
      <c r="S10" s="209">
        <v>10.516999999999999</v>
      </c>
      <c r="T10" s="154">
        <f t="shared" si="1"/>
        <v>10.516999999999999</v>
      </c>
      <c r="U10" s="208">
        <v>100</v>
      </c>
      <c r="V10" s="207"/>
      <c r="W10" s="207"/>
      <c r="X10" s="207"/>
      <c r="Y10" s="207"/>
      <c r="Z10" s="156">
        <f t="shared" si="2"/>
        <v>90.74</v>
      </c>
      <c r="AA10" s="157">
        <f t="shared" si="0"/>
        <v>90.74</v>
      </c>
      <c r="AB10" s="208">
        <v>80</v>
      </c>
      <c r="AC10" s="139"/>
      <c r="AD10" s="159">
        <f>IF(AND(AB10&lt;=U10, AA10&lt;=AB10), 0, (T10/AA10-T10/AB10)*3600)</f>
        <v>-56.015716332378176</v>
      </c>
      <c r="AE10" s="160">
        <f>IF(ISBLANK(V10),(T10/U10-T10/AB10)*3600, IF(ISBLANK(X10), ((T10-W10)/U10+W10/V10-T10/AB10)*3600, ((T10-W10-Y10)/U10+W10/V10+Y10/X10-T10/AB10)*3600))</f>
        <v>-94.652999999999935</v>
      </c>
    </row>
    <row r="11" spans="1:31" ht="50.1" customHeight="1" x14ac:dyDescent="0.25">
      <c r="A11" s="210" t="s">
        <v>372</v>
      </c>
      <c r="B11" s="211" t="s">
        <v>406</v>
      </c>
      <c r="C11" s="212">
        <v>0.23</v>
      </c>
      <c r="D11" s="214">
        <v>75.17</v>
      </c>
      <c r="E11" s="215" t="s">
        <v>407</v>
      </c>
      <c r="F11" s="216">
        <v>0.48</v>
      </c>
      <c r="G11" s="214">
        <v>80.739999999999995</v>
      </c>
      <c r="H11" s="217"/>
      <c r="I11" s="216"/>
      <c r="J11" s="214"/>
      <c r="K11" s="228"/>
      <c r="L11" s="226"/>
      <c r="M11" s="224"/>
      <c r="N11" s="220"/>
      <c r="O11" s="210" t="s">
        <v>372</v>
      </c>
      <c r="P11" s="218" t="s">
        <v>174</v>
      </c>
      <c r="Q11" s="144" t="s">
        <v>401</v>
      </c>
      <c r="R11" s="144" t="s">
        <v>402</v>
      </c>
      <c r="S11" s="209">
        <v>0.70799999999999996</v>
      </c>
      <c r="T11" s="154">
        <f t="shared" si="1"/>
        <v>0.71</v>
      </c>
      <c r="U11" s="208">
        <v>80</v>
      </c>
      <c r="V11" s="207"/>
      <c r="W11" s="207"/>
      <c r="X11" s="207"/>
      <c r="Y11" s="207"/>
      <c r="Z11" s="156">
        <f t="shared" si="2"/>
        <v>78.94</v>
      </c>
      <c r="AA11" s="157">
        <f t="shared" si="0"/>
        <v>78.94</v>
      </c>
      <c r="AB11" s="208">
        <v>60</v>
      </c>
      <c r="AC11" s="139"/>
      <c r="AD11" s="159">
        <f t="shared" si="3"/>
        <v>-10.22097795794274</v>
      </c>
      <c r="AE11" s="160">
        <f t="shared" si="4"/>
        <v>-10.65</v>
      </c>
    </row>
    <row r="12" spans="1:31" ht="50.1" customHeight="1" x14ac:dyDescent="0.25">
      <c r="A12" s="210" t="s">
        <v>374</v>
      </c>
      <c r="B12" s="211" t="s">
        <v>409</v>
      </c>
      <c r="C12" s="212">
        <v>0.96</v>
      </c>
      <c r="D12" s="214">
        <v>88.37</v>
      </c>
      <c r="E12" s="215" t="s">
        <v>410</v>
      </c>
      <c r="F12" s="216">
        <v>1.26</v>
      </c>
      <c r="G12" s="214">
        <v>91.44</v>
      </c>
      <c r="H12" s="217" t="s">
        <v>411</v>
      </c>
      <c r="I12" s="216">
        <v>0.61</v>
      </c>
      <c r="J12" s="214">
        <v>87.31</v>
      </c>
      <c r="K12" s="228" t="s">
        <v>297</v>
      </c>
      <c r="L12" s="226">
        <f>4.29-4.24</f>
        <v>4.9999999999999822E-2</v>
      </c>
      <c r="M12" s="224">
        <v>57.02</v>
      </c>
      <c r="N12" s="220"/>
      <c r="O12" s="210" t="s">
        <v>374</v>
      </c>
      <c r="P12" s="218" t="s">
        <v>174</v>
      </c>
      <c r="Q12" s="144" t="s">
        <v>402</v>
      </c>
      <c r="R12" s="144" t="s">
        <v>299</v>
      </c>
      <c r="S12" s="209">
        <v>2.883</v>
      </c>
      <c r="T12" s="154">
        <f>C12+F12+I12+L12</f>
        <v>2.8799999999999994</v>
      </c>
      <c r="U12" s="208">
        <v>100</v>
      </c>
      <c r="V12" s="207"/>
      <c r="W12" s="207"/>
      <c r="X12" s="207"/>
      <c r="Y12" s="207"/>
      <c r="Z12" s="156">
        <f t="shared" si="2"/>
        <v>88.94</v>
      </c>
      <c r="AA12" s="157">
        <f>Z12</f>
        <v>88.94</v>
      </c>
      <c r="AB12" s="208">
        <v>100</v>
      </c>
      <c r="AC12" s="139"/>
      <c r="AD12" s="159">
        <f t="shared" si="3"/>
        <v>0</v>
      </c>
      <c r="AE12" s="160">
        <f t="shared" si="4"/>
        <v>0</v>
      </c>
    </row>
    <row r="13" spans="1:31" s="161" customFormat="1" ht="21" x14ac:dyDescent="0.25">
      <c r="A13" s="145">
        <f>O13</f>
        <v>1</v>
      </c>
      <c r="B13" s="146" t="s">
        <v>297</v>
      </c>
      <c r="C13" s="147">
        <f>4.884-4.29</f>
        <v>0.59400000000000031</v>
      </c>
      <c r="D13" s="148">
        <v>57.02</v>
      </c>
      <c r="E13" s="149" t="s">
        <v>298</v>
      </c>
      <c r="F13" s="150">
        <f>4.894-4.884</f>
        <v>9.9999999999997868E-3</v>
      </c>
      <c r="G13" s="148">
        <v>86.23</v>
      </c>
      <c r="H13" s="151"/>
      <c r="I13" s="150"/>
      <c r="J13" s="148"/>
      <c r="K13" s="151"/>
      <c r="L13" s="150"/>
      <c r="M13" s="148"/>
      <c r="N13" s="152"/>
      <c r="O13" s="218">
        <v>1</v>
      </c>
      <c r="P13" s="153" t="s">
        <v>174</v>
      </c>
      <c r="Q13" s="153" t="s">
        <v>299</v>
      </c>
      <c r="R13" s="153" t="s">
        <v>300</v>
      </c>
      <c r="S13" s="213">
        <v>0.6</v>
      </c>
      <c r="T13" s="154">
        <f t="shared" si="1"/>
        <v>0.60400000000000009</v>
      </c>
      <c r="U13" s="229">
        <v>70</v>
      </c>
      <c r="V13" s="155"/>
      <c r="W13" s="155"/>
      <c r="X13" s="155"/>
      <c r="Y13" s="155"/>
      <c r="Z13" s="156">
        <f t="shared" si="2"/>
        <v>57.5</v>
      </c>
      <c r="AA13" s="157">
        <f>Z13</f>
        <v>57.5</v>
      </c>
      <c r="AB13" s="229">
        <v>60</v>
      </c>
      <c r="AC13" s="158"/>
      <c r="AD13" s="159">
        <f>IF(AND(AB13&lt;=U13, AA13&lt;=AB13), 0, (T13/AA13-T13/AB13)*3600)</f>
        <v>0</v>
      </c>
      <c r="AE13" s="160">
        <f t="shared" ref="AE13:AE29" si="5">IF(ISBLANK(V13),(T13/U13-T13/AB13)*3600, IF(ISBLANK(X13), ((T13-W13)/U13+W13/V13-T13/AB13)*3600, ((T13-W13-Y13)/U13+W13/V13+Y13/X13-T13/AB13)*3600))</f>
        <v>-5.1771428571428579</v>
      </c>
    </row>
    <row r="14" spans="1:31" ht="21" x14ac:dyDescent="0.25">
      <c r="A14" s="145">
        <f t="shared" ref="A14:A29" si="6">O14</f>
        <v>2</v>
      </c>
      <c r="B14" s="149" t="s">
        <v>298</v>
      </c>
      <c r="C14" s="147">
        <f>6.8-4.894</f>
        <v>1.9059999999999997</v>
      </c>
      <c r="D14" s="148">
        <v>86.23</v>
      </c>
      <c r="E14" s="149"/>
      <c r="F14" s="150"/>
      <c r="G14" s="148"/>
      <c r="H14" s="151"/>
      <c r="I14" s="150"/>
      <c r="J14" s="148"/>
      <c r="K14" s="151"/>
      <c r="L14" s="150"/>
      <c r="M14" s="148"/>
      <c r="N14" s="152"/>
      <c r="O14" s="145">
        <v>2</v>
      </c>
      <c r="P14" s="153" t="s">
        <v>174</v>
      </c>
      <c r="Q14" s="153" t="s">
        <v>300</v>
      </c>
      <c r="R14" s="153" t="s">
        <v>301</v>
      </c>
      <c r="S14" s="120">
        <v>1.91</v>
      </c>
      <c r="T14" s="154">
        <f t="shared" si="1"/>
        <v>1.9059999999999997</v>
      </c>
      <c r="U14" s="229">
        <v>100</v>
      </c>
      <c r="V14" s="155"/>
      <c r="W14" s="155"/>
      <c r="X14" s="155"/>
      <c r="Y14" s="155"/>
      <c r="Z14" s="156">
        <f t="shared" si="2"/>
        <v>86.23</v>
      </c>
      <c r="AA14" s="157">
        <f t="shared" ref="AA14:AA29" si="7">Z14</f>
        <v>86.23</v>
      </c>
      <c r="AB14" s="229">
        <v>80</v>
      </c>
      <c r="AC14" s="139"/>
      <c r="AD14" s="159">
        <f t="shared" ref="AD14:AD29" si="8">IF(AND(AB14&lt;=U14, AA14&lt;=AB14), 0, (T14/AA14-T14/AB14)*3600)</f>
        <v>-6.1967656268120104</v>
      </c>
      <c r="AE14" s="160">
        <f t="shared" si="5"/>
        <v>-17.153999999999993</v>
      </c>
    </row>
    <row r="15" spans="1:31" ht="21" x14ac:dyDescent="0.25">
      <c r="A15" s="145">
        <f t="shared" si="6"/>
        <v>3</v>
      </c>
      <c r="B15" s="149" t="s">
        <v>298</v>
      </c>
      <c r="C15" s="147">
        <f>8.186-6.8</f>
        <v>1.3860000000000001</v>
      </c>
      <c r="D15" s="148">
        <v>86.23</v>
      </c>
      <c r="E15" s="162" t="s">
        <v>302</v>
      </c>
      <c r="F15" s="163">
        <f>8.825-8.186</f>
        <v>0.63899999999999935</v>
      </c>
      <c r="G15" s="148">
        <v>72.62</v>
      </c>
      <c r="H15" s="164"/>
      <c r="I15" s="163"/>
      <c r="J15" s="148"/>
      <c r="K15" s="227"/>
      <c r="L15" s="225"/>
      <c r="M15" s="148"/>
      <c r="N15" s="152"/>
      <c r="O15" s="145">
        <v>3</v>
      </c>
      <c r="P15" s="153" t="s">
        <v>174</v>
      </c>
      <c r="Q15" s="153" t="s">
        <v>301</v>
      </c>
      <c r="R15" s="153" t="s">
        <v>303</v>
      </c>
      <c r="S15" s="120">
        <v>2.0299999999999998</v>
      </c>
      <c r="T15" s="154">
        <f t="shared" si="1"/>
        <v>2.0249999999999995</v>
      </c>
      <c r="U15" s="229">
        <v>100</v>
      </c>
      <c r="V15" s="155"/>
      <c r="W15" s="155"/>
      <c r="X15" s="155"/>
      <c r="Y15" s="155"/>
      <c r="Z15" s="156">
        <f t="shared" si="2"/>
        <v>81.94</v>
      </c>
      <c r="AA15" s="157">
        <f t="shared" si="7"/>
        <v>81.94</v>
      </c>
      <c r="AB15" s="229">
        <v>80</v>
      </c>
      <c r="AC15" s="139"/>
      <c r="AD15" s="159">
        <f t="shared" si="8"/>
        <v>-2.1574627776421744</v>
      </c>
      <c r="AE15" s="160">
        <f t="shared" si="5"/>
        <v>-18.225000000000005</v>
      </c>
    </row>
    <row r="16" spans="1:31" ht="21" x14ac:dyDescent="0.25">
      <c r="A16" s="145">
        <f t="shared" si="6"/>
        <v>4</v>
      </c>
      <c r="B16" s="162" t="s">
        <v>302</v>
      </c>
      <c r="C16" s="147">
        <f>9.021-8.825</f>
        <v>0.19600000000000151</v>
      </c>
      <c r="D16" s="148">
        <v>72.63</v>
      </c>
      <c r="E16" s="162" t="s">
        <v>304</v>
      </c>
      <c r="F16" s="163">
        <f>9.3-9.021</f>
        <v>0.27899999999999991</v>
      </c>
      <c r="G16" s="148">
        <v>43.96</v>
      </c>
      <c r="H16" s="164"/>
      <c r="I16" s="163"/>
      <c r="J16" s="148"/>
      <c r="K16" s="227"/>
      <c r="L16" s="225"/>
      <c r="M16" s="148"/>
      <c r="N16" s="152"/>
      <c r="O16" s="145">
        <v>4</v>
      </c>
      <c r="P16" s="153" t="s">
        <v>174</v>
      </c>
      <c r="Q16" s="153" t="s">
        <v>303</v>
      </c>
      <c r="R16" s="153" t="s">
        <v>305</v>
      </c>
      <c r="S16" s="120">
        <v>0.48</v>
      </c>
      <c r="T16" s="154">
        <f t="shared" si="1"/>
        <v>0.47500000000000142</v>
      </c>
      <c r="U16" s="229">
        <v>50</v>
      </c>
      <c r="V16" s="155"/>
      <c r="W16" s="155"/>
      <c r="X16" s="155"/>
      <c r="Y16" s="155"/>
      <c r="Z16" s="156">
        <f t="shared" si="2"/>
        <v>55.79</v>
      </c>
      <c r="AA16" s="157">
        <f t="shared" si="7"/>
        <v>55.79</v>
      </c>
      <c r="AB16" s="229">
        <v>50</v>
      </c>
      <c r="AC16" s="139"/>
      <c r="AD16" s="159">
        <f t="shared" si="8"/>
        <v>-3.5493457608890639</v>
      </c>
      <c r="AE16" s="160">
        <f t="shared" si="5"/>
        <v>0</v>
      </c>
    </row>
    <row r="17" spans="1:32" ht="21" x14ac:dyDescent="0.25">
      <c r="A17" s="145">
        <f t="shared" si="6"/>
        <v>5</v>
      </c>
      <c r="B17" s="146" t="s">
        <v>306</v>
      </c>
      <c r="C17" s="147">
        <f>9.993-9.3</f>
        <v>0.69299999999999962</v>
      </c>
      <c r="D17" s="148">
        <v>43.65</v>
      </c>
      <c r="E17" s="149" t="s">
        <v>307</v>
      </c>
      <c r="F17" s="163">
        <f>1.11</f>
        <v>1.1100000000000001</v>
      </c>
      <c r="G17" s="148">
        <v>41.09</v>
      </c>
      <c r="H17" s="164" t="s">
        <v>308</v>
      </c>
      <c r="I17" s="163">
        <f>1.22-1.11</f>
        <v>0.10999999999999988</v>
      </c>
      <c r="J17" s="148">
        <v>49.26</v>
      </c>
      <c r="K17" s="227"/>
      <c r="L17" s="225"/>
      <c r="M17" s="148"/>
      <c r="N17" s="152"/>
      <c r="O17" s="145">
        <v>5</v>
      </c>
      <c r="P17" s="153" t="s">
        <v>174</v>
      </c>
      <c r="Q17" s="153" t="s">
        <v>305</v>
      </c>
      <c r="R17" s="153" t="s">
        <v>309</v>
      </c>
      <c r="S17" s="120">
        <v>1.91</v>
      </c>
      <c r="T17" s="154">
        <f t="shared" si="1"/>
        <v>1.9129999999999996</v>
      </c>
      <c r="U17" s="229">
        <v>50</v>
      </c>
      <c r="V17" s="155"/>
      <c r="W17" s="155"/>
      <c r="X17" s="155"/>
      <c r="Y17" s="155"/>
      <c r="Z17" s="156">
        <f t="shared" si="2"/>
        <v>42.49</v>
      </c>
      <c r="AA17" s="157">
        <f t="shared" si="7"/>
        <v>42.49</v>
      </c>
      <c r="AB17" s="229">
        <v>40</v>
      </c>
      <c r="AC17" s="139"/>
      <c r="AD17" s="159">
        <f t="shared" si="8"/>
        <v>-10.089510473052501</v>
      </c>
      <c r="AE17" s="160">
        <f t="shared" si="5"/>
        <v>-34.434000000000012</v>
      </c>
    </row>
    <row r="18" spans="1:32" ht="21" x14ac:dyDescent="0.25">
      <c r="A18" s="145">
        <f t="shared" si="6"/>
        <v>6</v>
      </c>
      <c r="B18" s="164" t="s">
        <v>308</v>
      </c>
      <c r="C18" s="147">
        <f>1.561-1.22</f>
        <v>0.34099999999999997</v>
      </c>
      <c r="D18" s="148">
        <v>49.26</v>
      </c>
      <c r="E18" s="162" t="s">
        <v>310</v>
      </c>
      <c r="F18" s="163">
        <f>1.637-1.561</f>
        <v>7.6000000000000068E-2</v>
      </c>
      <c r="G18" s="148">
        <v>66.34</v>
      </c>
      <c r="H18" s="164"/>
      <c r="I18" s="163"/>
      <c r="J18" s="148"/>
      <c r="K18" s="227"/>
      <c r="L18" s="225"/>
      <c r="M18" s="148"/>
      <c r="N18" s="152"/>
      <c r="O18" s="145">
        <v>6</v>
      </c>
      <c r="P18" s="153" t="s">
        <v>174</v>
      </c>
      <c r="Q18" s="153" t="s">
        <v>309</v>
      </c>
      <c r="R18" s="153" t="s">
        <v>311</v>
      </c>
      <c r="S18" s="120">
        <v>0.42</v>
      </c>
      <c r="T18" s="154">
        <f t="shared" si="1"/>
        <v>0.41700000000000004</v>
      </c>
      <c r="U18" s="229">
        <v>50</v>
      </c>
      <c r="V18" s="155"/>
      <c r="W18" s="155"/>
      <c r="X18" s="155"/>
      <c r="Y18" s="155"/>
      <c r="Z18" s="156">
        <f t="shared" si="2"/>
        <v>52.37</v>
      </c>
      <c r="AA18" s="157">
        <f t="shared" si="7"/>
        <v>52.37</v>
      </c>
      <c r="AB18" s="229">
        <v>50</v>
      </c>
      <c r="AC18" s="139"/>
      <c r="AD18" s="159">
        <f t="shared" si="8"/>
        <v>-1.3587336261218239</v>
      </c>
      <c r="AE18" s="160">
        <f t="shared" si="5"/>
        <v>0</v>
      </c>
    </row>
    <row r="19" spans="1:32" ht="21" x14ac:dyDescent="0.25">
      <c r="A19" s="145">
        <f t="shared" si="6"/>
        <v>7</v>
      </c>
      <c r="B19" s="146" t="s">
        <v>310</v>
      </c>
      <c r="C19" s="147">
        <f>2.52-1.637</f>
        <v>0.88300000000000001</v>
      </c>
      <c r="D19" s="148">
        <v>66.34</v>
      </c>
      <c r="E19" s="162"/>
      <c r="F19" s="163"/>
      <c r="G19" s="148"/>
      <c r="H19" s="164"/>
      <c r="I19" s="163"/>
      <c r="J19" s="148"/>
      <c r="K19" s="227"/>
      <c r="L19" s="225"/>
      <c r="M19" s="148"/>
      <c r="N19" s="152"/>
      <c r="O19" s="145">
        <v>7</v>
      </c>
      <c r="P19" s="153" t="s">
        <v>174</v>
      </c>
      <c r="Q19" s="153" t="s">
        <v>311</v>
      </c>
      <c r="R19" s="165" t="s">
        <v>312</v>
      </c>
      <c r="S19" s="120">
        <v>0.88</v>
      </c>
      <c r="T19" s="154">
        <f t="shared" si="1"/>
        <v>0.88300000000000001</v>
      </c>
      <c r="U19" s="229">
        <v>70</v>
      </c>
      <c r="V19" s="155"/>
      <c r="W19" s="155"/>
      <c r="X19" s="155"/>
      <c r="Y19" s="155"/>
      <c r="Z19" s="156">
        <f t="shared" si="2"/>
        <v>66.34</v>
      </c>
      <c r="AA19" s="157">
        <f t="shared" si="7"/>
        <v>66.34</v>
      </c>
      <c r="AB19" s="229">
        <v>60</v>
      </c>
      <c r="AC19" s="139"/>
      <c r="AD19" s="159">
        <f t="shared" si="8"/>
        <v>-5.0632077178173045</v>
      </c>
      <c r="AE19" s="160">
        <f t="shared" si="5"/>
        <v>-7.5685714285714241</v>
      </c>
    </row>
    <row r="20" spans="1:32" ht="21" x14ac:dyDescent="0.25">
      <c r="A20" s="145">
        <f t="shared" si="6"/>
        <v>8</v>
      </c>
      <c r="B20" s="146" t="s">
        <v>310</v>
      </c>
      <c r="C20" s="147">
        <f>3.08-2.52</f>
        <v>0.56000000000000005</v>
      </c>
      <c r="D20" s="148">
        <v>66.34</v>
      </c>
      <c r="E20" s="146"/>
      <c r="F20" s="163"/>
      <c r="G20" s="148"/>
      <c r="H20" s="164"/>
      <c r="I20" s="163"/>
      <c r="J20" s="148"/>
      <c r="K20" s="227"/>
      <c r="L20" s="225"/>
      <c r="M20" s="148"/>
      <c r="N20" s="152"/>
      <c r="O20" s="145">
        <v>8</v>
      </c>
      <c r="P20" s="153" t="s">
        <v>174</v>
      </c>
      <c r="Q20" s="153" t="s">
        <v>312</v>
      </c>
      <c r="R20" s="165" t="s">
        <v>313</v>
      </c>
      <c r="S20" s="120">
        <v>0.56000000000000005</v>
      </c>
      <c r="T20" s="154">
        <f t="shared" si="1"/>
        <v>0.56000000000000005</v>
      </c>
      <c r="U20" s="229">
        <v>70</v>
      </c>
      <c r="V20" s="155"/>
      <c r="W20" s="155"/>
      <c r="X20" s="155"/>
      <c r="Y20" s="155"/>
      <c r="Z20" s="156">
        <f t="shared" si="2"/>
        <v>66.34</v>
      </c>
      <c r="AA20" s="157">
        <f t="shared" si="7"/>
        <v>66.34</v>
      </c>
      <c r="AB20" s="229">
        <v>60</v>
      </c>
      <c r="AC20" s="139"/>
      <c r="AD20" s="159">
        <f t="shared" si="8"/>
        <v>-3.2110943623756412</v>
      </c>
      <c r="AE20" s="160">
        <f t="shared" si="5"/>
        <v>-4.8000000000000025</v>
      </c>
    </row>
    <row r="21" spans="1:32" ht="21" x14ac:dyDescent="0.25">
      <c r="A21" s="145">
        <f t="shared" si="6"/>
        <v>9</v>
      </c>
      <c r="B21" s="146" t="s">
        <v>310</v>
      </c>
      <c r="C21" s="147">
        <f>3.091-3.08</f>
        <v>1.1000000000000121E-2</v>
      </c>
      <c r="D21" s="148">
        <v>66.34</v>
      </c>
      <c r="E21" s="162" t="s">
        <v>314</v>
      </c>
      <c r="F21" s="163">
        <f>3.658-3.091</f>
        <v>0.56699999999999973</v>
      </c>
      <c r="G21" s="148">
        <v>72.28</v>
      </c>
      <c r="H21" s="164"/>
      <c r="I21" s="163"/>
      <c r="J21" s="148"/>
      <c r="K21" s="227"/>
      <c r="L21" s="225"/>
      <c r="M21" s="148"/>
      <c r="N21" s="152"/>
      <c r="O21" s="145">
        <v>9</v>
      </c>
      <c r="P21" s="153" t="s">
        <v>174</v>
      </c>
      <c r="Q21" s="153" t="s">
        <v>313</v>
      </c>
      <c r="R21" s="165" t="s">
        <v>315</v>
      </c>
      <c r="S21" s="120">
        <v>0.57999999999999996</v>
      </c>
      <c r="T21" s="154">
        <f t="shared" si="1"/>
        <v>0.57799999999999985</v>
      </c>
      <c r="U21" s="229">
        <v>70</v>
      </c>
      <c r="V21" s="155"/>
      <c r="W21" s="155"/>
      <c r="X21" s="155"/>
      <c r="Y21" s="155"/>
      <c r="Z21" s="156">
        <f t="shared" si="2"/>
        <v>72.17</v>
      </c>
      <c r="AA21" s="157">
        <f t="shared" si="7"/>
        <v>72.17</v>
      </c>
      <c r="AB21" s="229">
        <v>60</v>
      </c>
      <c r="AC21" s="139"/>
      <c r="AD21" s="159">
        <f t="shared" si="8"/>
        <v>-5.8480753775807131</v>
      </c>
      <c r="AE21" s="160">
        <f t="shared" si="5"/>
        <v>-4.9542857142857111</v>
      </c>
    </row>
    <row r="22" spans="1:32" ht="21" x14ac:dyDescent="0.25">
      <c r="A22" s="145">
        <f t="shared" si="6"/>
        <v>10</v>
      </c>
      <c r="B22" s="146" t="s">
        <v>316</v>
      </c>
      <c r="C22" s="147">
        <f>12.105-3.658</f>
        <v>8.447000000000001</v>
      </c>
      <c r="D22" s="148">
        <v>81.349999999999994</v>
      </c>
      <c r="E22" s="162"/>
      <c r="F22" s="163"/>
      <c r="G22" s="148"/>
      <c r="H22" s="164"/>
      <c r="I22" s="163"/>
      <c r="J22" s="148"/>
      <c r="K22" s="227"/>
      <c r="L22" s="225"/>
      <c r="M22" s="148"/>
      <c r="N22" s="152"/>
      <c r="O22" s="145">
        <v>10</v>
      </c>
      <c r="P22" s="153" t="s">
        <v>174</v>
      </c>
      <c r="Q22" s="153" t="s">
        <v>315</v>
      </c>
      <c r="R22" s="165" t="s">
        <v>317</v>
      </c>
      <c r="S22" s="120">
        <v>8.4499999999999993</v>
      </c>
      <c r="T22" s="154">
        <f t="shared" si="1"/>
        <v>8.447000000000001</v>
      </c>
      <c r="U22" s="229">
        <v>100</v>
      </c>
      <c r="V22" s="155"/>
      <c r="W22" s="155"/>
      <c r="X22" s="155"/>
      <c r="Y22" s="155"/>
      <c r="Z22" s="156">
        <f t="shared" si="2"/>
        <v>81.349999999999994</v>
      </c>
      <c r="AA22" s="157">
        <f t="shared" si="7"/>
        <v>81.349999999999994</v>
      </c>
      <c r="AB22" s="229">
        <v>80</v>
      </c>
      <c r="AC22" s="139"/>
      <c r="AD22" s="159">
        <f t="shared" si="8"/>
        <v>-6.3079932390903259</v>
      </c>
      <c r="AE22" s="160">
        <f t="shared" si="5"/>
        <v>-76.023000000000039</v>
      </c>
    </row>
    <row r="23" spans="1:32" ht="21" x14ac:dyDescent="0.25">
      <c r="A23" s="145">
        <f t="shared" si="6"/>
        <v>11</v>
      </c>
      <c r="B23" s="146" t="s">
        <v>316</v>
      </c>
      <c r="C23" s="147">
        <f>3.65</f>
        <v>3.65</v>
      </c>
      <c r="D23" s="148">
        <v>81.349999999999994</v>
      </c>
      <c r="E23" s="162"/>
      <c r="F23" s="163"/>
      <c r="G23" s="148"/>
      <c r="H23" s="164"/>
      <c r="I23" s="163"/>
      <c r="J23" s="148"/>
      <c r="K23" s="227"/>
      <c r="L23" s="225"/>
      <c r="M23" s="148"/>
      <c r="N23" s="152"/>
      <c r="O23" s="145">
        <v>11</v>
      </c>
      <c r="P23" s="153" t="s">
        <v>174</v>
      </c>
      <c r="Q23" s="153" t="s">
        <v>317</v>
      </c>
      <c r="R23" s="165" t="s">
        <v>318</v>
      </c>
      <c r="S23" s="120">
        <v>3.65</v>
      </c>
      <c r="T23" s="154">
        <f t="shared" si="1"/>
        <v>3.65</v>
      </c>
      <c r="U23" s="229">
        <v>100</v>
      </c>
      <c r="V23" s="155"/>
      <c r="W23" s="155"/>
      <c r="X23" s="155"/>
      <c r="Y23" s="155"/>
      <c r="Z23" s="156">
        <f t="shared" si="2"/>
        <v>81.349999999999994</v>
      </c>
      <c r="AA23" s="157">
        <f t="shared" si="7"/>
        <v>81.349999999999994</v>
      </c>
      <c r="AB23" s="229">
        <v>60</v>
      </c>
      <c r="AC23" s="139"/>
      <c r="AD23" s="159">
        <f t="shared" si="8"/>
        <v>-57.475722188076197</v>
      </c>
      <c r="AE23" s="160">
        <f t="shared" si="5"/>
        <v>-87.6</v>
      </c>
    </row>
    <row r="24" spans="1:32" ht="21" x14ac:dyDescent="0.25">
      <c r="A24" s="145">
        <f t="shared" si="6"/>
        <v>12</v>
      </c>
      <c r="B24" s="146" t="s">
        <v>316</v>
      </c>
      <c r="C24" s="147">
        <f>1.273</f>
        <v>1.2729999999999999</v>
      </c>
      <c r="D24" s="148">
        <v>81.349999999999994</v>
      </c>
      <c r="E24" s="162" t="s">
        <v>319</v>
      </c>
      <c r="F24" s="163">
        <f>7.169-1.273</f>
        <v>5.8959999999999999</v>
      </c>
      <c r="G24" s="148">
        <v>92.84</v>
      </c>
      <c r="H24" s="164" t="s">
        <v>320</v>
      </c>
      <c r="I24" s="163">
        <f>8.18-7.169</f>
        <v>1.0110000000000001</v>
      </c>
      <c r="J24" s="148">
        <v>84.81</v>
      </c>
      <c r="K24" s="227"/>
      <c r="L24" s="225"/>
      <c r="M24" s="148"/>
      <c r="N24" s="152"/>
      <c r="O24" s="145">
        <v>12</v>
      </c>
      <c r="P24" s="153" t="s">
        <v>174</v>
      </c>
      <c r="Q24" s="153" t="s">
        <v>318</v>
      </c>
      <c r="R24" s="165" t="s">
        <v>321</v>
      </c>
      <c r="S24" s="120">
        <v>8.18</v>
      </c>
      <c r="T24" s="154">
        <f t="shared" si="1"/>
        <v>8.18</v>
      </c>
      <c r="U24" s="229">
        <v>100</v>
      </c>
      <c r="V24" s="155"/>
      <c r="W24" s="155"/>
      <c r="X24" s="155"/>
      <c r="Y24" s="155"/>
      <c r="Z24" s="156">
        <f t="shared" si="2"/>
        <v>90.06</v>
      </c>
      <c r="AA24" s="157">
        <f t="shared" si="7"/>
        <v>90.06</v>
      </c>
      <c r="AB24" s="229">
        <v>100</v>
      </c>
      <c r="AC24" s="139"/>
      <c r="AD24" s="159">
        <f t="shared" si="8"/>
        <v>0</v>
      </c>
      <c r="AE24" s="160">
        <f t="shared" si="5"/>
        <v>0</v>
      </c>
    </row>
    <row r="25" spans="1:32" ht="21" x14ac:dyDescent="0.25">
      <c r="A25" s="145">
        <f t="shared" si="6"/>
        <v>13</v>
      </c>
      <c r="B25" s="164" t="s">
        <v>320</v>
      </c>
      <c r="C25" s="147">
        <f>8.233-8.18</f>
        <v>5.3000000000000824E-2</v>
      </c>
      <c r="D25" s="148">
        <v>84.81</v>
      </c>
      <c r="E25" s="146" t="s">
        <v>322</v>
      </c>
      <c r="F25" s="163">
        <f>8.875-8.233</f>
        <v>0.64199999999999946</v>
      </c>
      <c r="G25" s="148">
        <v>60.9</v>
      </c>
      <c r="H25" s="164"/>
      <c r="I25" s="163"/>
      <c r="J25" s="148"/>
      <c r="K25" s="227"/>
      <c r="L25" s="225"/>
      <c r="M25" s="148"/>
      <c r="N25" s="152"/>
      <c r="O25" s="145">
        <v>13</v>
      </c>
      <c r="P25" s="153" t="s">
        <v>174</v>
      </c>
      <c r="Q25" s="153" t="s">
        <v>321</v>
      </c>
      <c r="R25" s="165" t="s">
        <v>323</v>
      </c>
      <c r="S25" s="120">
        <v>0.7</v>
      </c>
      <c r="T25" s="154">
        <f t="shared" si="1"/>
        <v>0.69500000000000028</v>
      </c>
      <c r="U25" s="229">
        <v>60</v>
      </c>
      <c r="V25" s="155"/>
      <c r="W25" s="155"/>
      <c r="X25" s="155"/>
      <c r="Y25" s="155"/>
      <c r="Z25" s="156">
        <f t="shared" si="2"/>
        <v>62.72</v>
      </c>
      <c r="AA25" s="157">
        <f t="shared" si="7"/>
        <v>62.72</v>
      </c>
      <c r="AB25" s="229">
        <v>60</v>
      </c>
      <c r="AC25" s="139"/>
      <c r="AD25" s="159">
        <f t="shared" si="8"/>
        <v>-1.8084183673469387</v>
      </c>
      <c r="AE25" s="160">
        <f t="shared" si="5"/>
        <v>0</v>
      </c>
    </row>
    <row r="26" spans="1:32" ht="21" x14ac:dyDescent="0.25">
      <c r="A26" s="145">
        <f t="shared" si="6"/>
        <v>14</v>
      </c>
      <c r="B26" s="146" t="s">
        <v>324</v>
      </c>
      <c r="C26" s="147">
        <f>9.606-8.875</f>
        <v>0.73099999999999987</v>
      </c>
      <c r="D26" s="148">
        <v>54.33</v>
      </c>
      <c r="E26" s="146"/>
      <c r="F26" s="163"/>
      <c r="G26" s="148"/>
      <c r="H26" s="164"/>
      <c r="I26" s="163"/>
      <c r="J26" s="148"/>
      <c r="K26" s="227"/>
      <c r="L26" s="225"/>
      <c r="M26" s="148"/>
      <c r="N26" s="152"/>
      <c r="O26" s="145">
        <v>14</v>
      </c>
      <c r="P26" s="153" t="s">
        <v>174</v>
      </c>
      <c r="Q26" s="153" t="s">
        <v>323</v>
      </c>
      <c r="R26" s="165" t="s">
        <v>325</v>
      </c>
      <c r="S26" s="120">
        <v>0.73</v>
      </c>
      <c r="T26" s="154">
        <f t="shared" si="1"/>
        <v>0.73099999999999987</v>
      </c>
      <c r="U26" s="229">
        <v>50</v>
      </c>
      <c r="V26" s="155"/>
      <c r="W26" s="155"/>
      <c r="X26" s="155"/>
      <c r="Y26" s="155"/>
      <c r="Z26" s="156">
        <f t="shared" si="2"/>
        <v>54.33</v>
      </c>
      <c r="AA26" s="157">
        <f t="shared" si="7"/>
        <v>54.33</v>
      </c>
      <c r="AB26" s="229">
        <v>50</v>
      </c>
      <c r="AC26" s="139"/>
      <c r="AD26" s="159">
        <f t="shared" si="8"/>
        <v>-4.1946725565985608</v>
      </c>
      <c r="AE26" s="160">
        <f t="shared" si="5"/>
        <v>0</v>
      </c>
    </row>
    <row r="27" spans="1:32" ht="21" x14ac:dyDescent="0.25">
      <c r="A27" s="145">
        <f t="shared" si="6"/>
        <v>15</v>
      </c>
      <c r="B27" s="146" t="s">
        <v>326</v>
      </c>
      <c r="C27" s="147">
        <f>0.377</f>
        <v>0.377</v>
      </c>
      <c r="D27" s="148">
        <v>39.22</v>
      </c>
      <c r="E27" s="146" t="s">
        <v>327</v>
      </c>
      <c r="F27" s="163">
        <f>0.4-0.377</f>
        <v>2.300000000000002E-2</v>
      </c>
      <c r="G27" s="148">
        <v>48.42</v>
      </c>
      <c r="H27" s="164"/>
      <c r="I27" s="163"/>
      <c r="J27" s="148"/>
      <c r="K27" s="227"/>
      <c r="L27" s="225"/>
      <c r="M27" s="148"/>
      <c r="N27" s="152"/>
      <c r="O27" s="145">
        <v>15</v>
      </c>
      <c r="P27" s="153">
        <v>6</v>
      </c>
      <c r="Q27" s="153" t="s">
        <v>328</v>
      </c>
      <c r="R27" s="165" t="s">
        <v>329</v>
      </c>
      <c r="S27" s="120">
        <v>0.4</v>
      </c>
      <c r="T27" s="154">
        <f t="shared" si="1"/>
        <v>0.4</v>
      </c>
      <c r="U27" s="229">
        <v>50</v>
      </c>
      <c r="V27" s="155"/>
      <c r="W27" s="155"/>
      <c r="X27" s="155"/>
      <c r="Y27" s="155"/>
      <c r="Z27" s="156">
        <f t="shared" si="2"/>
        <v>39.75</v>
      </c>
      <c r="AA27" s="157">
        <f t="shared" si="7"/>
        <v>39.75</v>
      </c>
      <c r="AB27" s="229">
        <v>40</v>
      </c>
      <c r="AC27" s="139"/>
      <c r="AD27" s="159">
        <f t="shared" si="8"/>
        <v>0</v>
      </c>
      <c r="AE27" s="160">
        <f t="shared" si="5"/>
        <v>-7.2</v>
      </c>
    </row>
    <row r="28" spans="1:32" ht="21" x14ac:dyDescent="0.25">
      <c r="A28" s="145">
        <f t="shared" si="6"/>
        <v>16</v>
      </c>
      <c r="B28" s="146" t="s">
        <v>327</v>
      </c>
      <c r="C28" s="147">
        <f>1.572-0.4</f>
        <v>1.1720000000000002</v>
      </c>
      <c r="D28" s="148">
        <v>48.42</v>
      </c>
      <c r="E28" s="146"/>
      <c r="F28" s="163"/>
      <c r="G28" s="148"/>
      <c r="H28" s="164"/>
      <c r="I28" s="163"/>
      <c r="J28" s="148"/>
      <c r="K28" s="227"/>
      <c r="L28" s="225"/>
      <c r="M28" s="148"/>
      <c r="N28" s="152"/>
      <c r="O28" s="145">
        <v>16</v>
      </c>
      <c r="P28" s="166">
        <v>6</v>
      </c>
      <c r="Q28" s="166" t="s">
        <v>329</v>
      </c>
      <c r="R28" s="165" t="s">
        <v>330</v>
      </c>
      <c r="S28" s="120">
        <v>1.18</v>
      </c>
      <c r="T28" s="154">
        <f t="shared" si="1"/>
        <v>1.1720000000000002</v>
      </c>
      <c r="U28" s="229">
        <v>50</v>
      </c>
      <c r="V28" s="155"/>
      <c r="W28" s="155"/>
      <c r="X28" s="155"/>
      <c r="Y28" s="155"/>
      <c r="Z28" s="156">
        <f t="shared" si="2"/>
        <v>48.42</v>
      </c>
      <c r="AA28" s="157">
        <f t="shared" si="7"/>
        <v>48.42</v>
      </c>
      <c r="AB28" s="229">
        <v>50</v>
      </c>
      <c r="AC28" s="139"/>
      <c r="AD28" s="159">
        <f t="shared" si="8"/>
        <v>0</v>
      </c>
      <c r="AE28" s="160">
        <f t="shared" si="5"/>
        <v>0</v>
      </c>
    </row>
    <row r="29" spans="1:32" ht="21" x14ac:dyDescent="0.25">
      <c r="A29" s="145">
        <f t="shared" si="6"/>
        <v>17</v>
      </c>
      <c r="B29" s="146" t="s">
        <v>331</v>
      </c>
      <c r="C29" s="147">
        <f>2.878-1.572</f>
        <v>1.306</v>
      </c>
      <c r="D29" s="148">
        <v>45.24</v>
      </c>
      <c r="E29" s="146" t="s">
        <v>332</v>
      </c>
      <c r="F29" s="163">
        <f>3.06-2.878</f>
        <v>0.18199999999999994</v>
      </c>
      <c r="G29" s="148">
        <v>85.45</v>
      </c>
      <c r="H29" s="164"/>
      <c r="I29" s="163"/>
      <c r="J29" s="148"/>
      <c r="K29" s="227"/>
      <c r="L29" s="225"/>
      <c r="M29" s="148"/>
      <c r="N29" s="152"/>
      <c r="O29" s="145">
        <v>17</v>
      </c>
      <c r="P29" s="153">
        <v>6</v>
      </c>
      <c r="Q29" s="153" t="s">
        <v>330</v>
      </c>
      <c r="R29" s="153" t="s">
        <v>333</v>
      </c>
      <c r="S29" s="120">
        <v>1.49</v>
      </c>
      <c r="T29" s="154">
        <f t="shared" si="1"/>
        <v>1.488</v>
      </c>
      <c r="U29" s="229">
        <v>50</v>
      </c>
      <c r="V29" s="155"/>
      <c r="W29" s="155"/>
      <c r="X29" s="155"/>
      <c r="Y29" s="155"/>
      <c r="Z29" s="156">
        <f t="shared" si="2"/>
        <v>50.16</v>
      </c>
      <c r="AA29" s="157">
        <f t="shared" si="7"/>
        <v>50.16</v>
      </c>
      <c r="AB29" s="229">
        <v>50</v>
      </c>
      <c r="AC29" s="139"/>
      <c r="AD29" s="159">
        <f t="shared" si="8"/>
        <v>-0.34174162679424941</v>
      </c>
      <c r="AE29" s="160">
        <f t="shared" si="5"/>
        <v>0</v>
      </c>
    </row>
    <row r="30" spans="1:32" x14ac:dyDescent="0.25">
      <c r="A30" s="167"/>
      <c r="B30" s="168"/>
      <c r="D30" s="152"/>
      <c r="G30" s="152"/>
      <c r="J30" s="152"/>
      <c r="M30" s="152"/>
      <c r="N30" s="152"/>
      <c r="O30" s="167"/>
      <c r="T30" s="171"/>
      <c r="U30" s="172"/>
      <c r="V30" s="173"/>
      <c r="W30" s="173"/>
      <c r="X30" s="173"/>
      <c r="Y30" s="173"/>
      <c r="Z30" s="174"/>
      <c r="AA30" s="175"/>
      <c r="AB30" s="176"/>
      <c r="AC30" s="139"/>
      <c r="AD30" s="177"/>
      <c r="AE30" s="178"/>
    </row>
    <row r="31" spans="1:32" x14ac:dyDescent="0.25">
      <c r="A31" s="179"/>
      <c r="O31" s="179"/>
      <c r="P31" s="139"/>
      <c r="Q31" s="139"/>
      <c r="R31" s="139"/>
      <c r="S31" s="139"/>
      <c r="T31" s="182"/>
      <c r="U31" s="183"/>
      <c r="V31" s="183"/>
      <c r="W31" s="183"/>
      <c r="X31" s="183"/>
      <c r="Y31" s="183"/>
      <c r="Z31" s="184"/>
      <c r="AA31" s="185"/>
      <c r="AB31" s="183"/>
      <c r="AC31" s="139"/>
      <c r="AD31" s="186"/>
      <c r="AE31" s="187"/>
    </row>
    <row r="32" spans="1:32" x14ac:dyDescent="0.25">
      <c r="A32" s="179"/>
      <c r="O32" s="179"/>
      <c r="P32" s="139"/>
      <c r="Q32" s="139"/>
      <c r="R32" s="139"/>
      <c r="S32" s="139"/>
      <c r="T32" s="182"/>
      <c r="U32" s="183"/>
      <c r="V32" s="183"/>
      <c r="W32" s="183"/>
      <c r="X32" s="183"/>
      <c r="Y32" s="183"/>
      <c r="Z32" s="184"/>
      <c r="AA32" s="185"/>
      <c r="AB32" s="183"/>
      <c r="AC32" s="188" t="s">
        <v>334</v>
      </c>
      <c r="AD32" s="189">
        <f>SUM(AD4:AD29)</f>
        <v>-191.402406773038</v>
      </c>
      <c r="AE32" s="189">
        <f>SUM(AE4:AE29)</f>
        <v>-428.53199999999998</v>
      </c>
      <c r="AF32" t="s">
        <v>335</v>
      </c>
    </row>
    <row r="33" spans="19:32" x14ac:dyDescent="0.25">
      <c r="S33" s="191">
        <f>SUM(S4:S29)</f>
        <v>56.278999999999996</v>
      </c>
      <c r="T33" s="192">
        <f>SUM(T4:T29)</f>
        <v>56.24799999999999</v>
      </c>
      <c r="AD33" s="196">
        <f>AD32/60</f>
        <v>-3.1900401128839664</v>
      </c>
      <c r="AE33" s="196">
        <f>AE32/60</f>
        <v>-7.1421999999999999</v>
      </c>
      <c r="AF33" t="s">
        <v>336</v>
      </c>
    </row>
  </sheetData>
  <mergeCells count="30">
    <mergeCell ref="K2:K3"/>
    <mergeCell ref="L2:L3"/>
    <mergeCell ref="M2:M3"/>
    <mergeCell ref="B1:J1"/>
    <mergeCell ref="O1:AB1"/>
    <mergeCell ref="F2:F3"/>
    <mergeCell ref="G2:G3"/>
    <mergeCell ref="H2:H3"/>
    <mergeCell ref="Y2:Y3"/>
    <mergeCell ref="I2:I3"/>
    <mergeCell ref="J2:J3"/>
    <mergeCell ref="O2:O3"/>
    <mergeCell ref="P2:P3"/>
    <mergeCell ref="Q2:R2"/>
    <mergeCell ref="S2:S3"/>
    <mergeCell ref="T2:T3"/>
    <mergeCell ref="A2:A3"/>
    <mergeCell ref="B2:B3"/>
    <mergeCell ref="C2:C3"/>
    <mergeCell ref="D2:D3"/>
    <mergeCell ref="E2:E3"/>
    <mergeCell ref="U2:U3"/>
    <mergeCell ref="V2:V3"/>
    <mergeCell ref="W2:W3"/>
    <mergeCell ref="AE2:AE3"/>
    <mergeCell ref="X2:X3"/>
    <mergeCell ref="Z2:Z3"/>
    <mergeCell ref="AA2:AA3"/>
    <mergeCell ref="AB2:AB3"/>
    <mergeCell ref="AD2:AD3"/>
  </mergeCells>
  <conditionalFormatting sqref="Q13:R13 S13:S29 T4:T30 Z4:AA30">
    <cfRule type="containsBlanks" dxfId="66" priority="52">
      <formula>LEN(TRIM(Q4))=0</formula>
    </cfRule>
  </conditionalFormatting>
  <conditionalFormatting sqref="Q16:R16">
    <cfRule type="containsBlanks" dxfId="65" priority="49">
      <formula>LEN(TRIM(Q16))=0</formula>
    </cfRule>
  </conditionalFormatting>
  <conditionalFormatting sqref="Q19:R19 Q29:R29 R20:R28">
    <cfRule type="containsBlanks" dxfId="64" priority="51">
      <formula>LEN(TRIM(Q19))=0</formula>
    </cfRule>
  </conditionalFormatting>
  <conditionalFormatting sqref="Q17:R17">
    <cfRule type="containsBlanks" dxfId="63" priority="50">
      <formula>LEN(TRIM(Q17))=0</formula>
    </cfRule>
  </conditionalFormatting>
  <conditionalFormatting sqref="Q15:R15">
    <cfRule type="containsBlanks" dxfId="62" priority="48">
      <formula>LEN(TRIM(Q15))=0</formula>
    </cfRule>
  </conditionalFormatting>
  <conditionalFormatting sqref="Q14:R14">
    <cfRule type="containsBlanks" dxfId="61" priority="47">
      <formula>LEN(TRIM(Q14))=0</formula>
    </cfRule>
  </conditionalFormatting>
  <conditionalFormatting sqref="V13:Y30">
    <cfRule type="containsBlanks" dxfId="60" priority="46">
      <formula>LEN(TRIM(V13))=0</formula>
    </cfRule>
  </conditionalFormatting>
  <conditionalFormatting sqref="O13 O15 O17 O19 O21 O23 O25 O27 O29">
    <cfRule type="containsBlanks" dxfId="59" priority="45">
      <formula>LEN(TRIM(O13))=0</formula>
    </cfRule>
  </conditionalFormatting>
  <conditionalFormatting sqref="O30">
    <cfRule type="containsBlanks" dxfId="58" priority="44">
      <formula>LEN(TRIM(O30))=0</formula>
    </cfRule>
  </conditionalFormatting>
  <conditionalFormatting sqref="O14 O16 O18 O20 O22 O24 O26 O28">
    <cfRule type="containsBlanks" dxfId="57" priority="43">
      <formula>LEN(TRIM(O14))=0</formula>
    </cfRule>
  </conditionalFormatting>
  <conditionalFormatting sqref="Q14">
    <cfRule type="containsBlanks" dxfId="56" priority="42">
      <formula>LEN(TRIM(Q14))=0</formula>
    </cfRule>
  </conditionalFormatting>
  <conditionalFormatting sqref="Q15">
    <cfRule type="containsBlanks" dxfId="55" priority="41">
      <formula>LEN(TRIM(Q15))=0</formula>
    </cfRule>
  </conditionalFormatting>
  <conditionalFormatting sqref="Q16">
    <cfRule type="containsBlanks" dxfId="54" priority="40">
      <formula>LEN(TRIM(Q16))=0</formula>
    </cfRule>
  </conditionalFormatting>
  <conditionalFormatting sqref="Q23">
    <cfRule type="containsBlanks" dxfId="53" priority="26">
      <formula>LEN(TRIM(Q23))=0</formula>
    </cfRule>
  </conditionalFormatting>
  <conditionalFormatting sqref="U30">
    <cfRule type="containsBlanks" dxfId="52" priority="39">
      <formula>LEN(TRIM(U30))=0</formula>
    </cfRule>
  </conditionalFormatting>
  <conditionalFormatting sqref="AB30">
    <cfRule type="containsBlanks" dxfId="51" priority="38">
      <formula>LEN(TRIM(AB30))=0</formula>
    </cfRule>
  </conditionalFormatting>
  <conditionalFormatting sqref="Q17">
    <cfRule type="containsBlanks" dxfId="50" priority="37">
      <formula>LEN(TRIM(Q17))=0</formula>
    </cfRule>
  </conditionalFormatting>
  <conditionalFormatting sqref="Q18">
    <cfRule type="containsBlanks" dxfId="49" priority="36">
      <formula>LEN(TRIM(Q18))=0</formula>
    </cfRule>
  </conditionalFormatting>
  <conditionalFormatting sqref="R18">
    <cfRule type="containsBlanks" dxfId="48" priority="35">
      <formula>LEN(TRIM(R18))=0</formula>
    </cfRule>
  </conditionalFormatting>
  <conditionalFormatting sqref="Q19 Q29">
    <cfRule type="containsBlanks" dxfId="47" priority="34">
      <formula>LEN(TRIM(Q19))=0</formula>
    </cfRule>
  </conditionalFormatting>
  <conditionalFormatting sqref="Q20:R20">
    <cfRule type="containsBlanks" dxfId="46" priority="33">
      <formula>LEN(TRIM(Q20))=0</formula>
    </cfRule>
  </conditionalFormatting>
  <conditionalFormatting sqref="R23">
    <cfRule type="containsBlanks" dxfId="45" priority="31">
      <formula>LEN(TRIM(R23))=0</formula>
    </cfRule>
  </conditionalFormatting>
  <conditionalFormatting sqref="R24">
    <cfRule type="containsBlanks" dxfId="44" priority="32">
      <formula>LEN(TRIM(R24))=0</formula>
    </cfRule>
  </conditionalFormatting>
  <conditionalFormatting sqref="R22">
    <cfRule type="containsBlanks" dxfId="43" priority="30">
      <formula>LEN(TRIM(R22))=0</formula>
    </cfRule>
  </conditionalFormatting>
  <conditionalFormatting sqref="R21">
    <cfRule type="containsBlanks" dxfId="42" priority="29">
      <formula>LEN(TRIM(R21))=0</formula>
    </cfRule>
  </conditionalFormatting>
  <conditionalFormatting sqref="Q21">
    <cfRule type="containsBlanks" dxfId="41" priority="28">
      <formula>LEN(TRIM(Q21))=0</formula>
    </cfRule>
  </conditionalFormatting>
  <conditionalFormatting sqref="Q22">
    <cfRule type="containsBlanks" dxfId="40" priority="27">
      <formula>LEN(TRIM(Q22))=0</formula>
    </cfRule>
  </conditionalFormatting>
  <conditionalFormatting sqref="Q24">
    <cfRule type="containsBlanks" dxfId="39" priority="25">
      <formula>LEN(TRIM(Q24))=0</formula>
    </cfRule>
  </conditionalFormatting>
  <conditionalFormatting sqref="Q25:Q28">
    <cfRule type="containsBlanks" dxfId="38" priority="24">
      <formula>LEN(TRIM(Q25))=0</formula>
    </cfRule>
  </conditionalFormatting>
  <conditionalFormatting sqref="R25:R28">
    <cfRule type="containsBlanks" dxfId="37" priority="23">
      <formula>LEN(TRIM(R25))=0</formula>
    </cfRule>
  </conditionalFormatting>
  <conditionalFormatting sqref="P13">
    <cfRule type="containsBlanks" dxfId="36" priority="22">
      <formula>LEN(TRIM(P13))=0</formula>
    </cfRule>
  </conditionalFormatting>
  <conditionalFormatting sqref="P14">
    <cfRule type="containsBlanks" dxfId="35" priority="21">
      <formula>LEN(TRIM(P14))=0</formula>
    </cfRule>
  </conditionalFormatting>
  <conditionalFormatting sqref="P15">
    <cfRule type="containsBlanks" dxfId="34" priority="20">
      <formula>LEN(TRIM(P15))=0</formula>
    </cfRule>
  </conditionalFormatting>
  <conditionalFormatting sqref="P16">
    <cfRule type="containsBlanks" dxfId="33" priority="19">
      <formula>LEN(TRIM(P16))=0</formula>
    </cfRule>
  </conditionalFormatting>
  <conditionalFormatting sqref="P23">
    <cfRule type="containsBlanks" dxfId="32" priority="12">
      <formula>LEN(TRIM(P23))=0</formula>
    </cfRule>
  </conditionalFormatting>
  <conditionalFormatting sqref="P17">
    <cfRule type="containsBlanks" dxfId="31" priority="18">
      <formula>LEN(TRIM(P17))=0</formula>
    </cfRule>
  </conditionalFormatting>
  <conditionalFormatting sqref="P18">
    <cfRule type="containsBlanks" dxfId="30" priority="17">
      <formula>LEN(TRIM(P18))=0</formula>
    </cfRule>
  </conditionalFormatting>
  <conditionalFormatting sqref="P19 P29">
    <cfRule type="containsBlanks" dxfId="29" priority="16">
      <formula>LEN(TRIM(P19))=0</formula>
    </cfRule>
  </conditionalFormatting>
  <conditionalFormatting sqref="P20">
    <cfRule type="containsBlanks" dxfId="28" priority="15">
      <formula>LEN(TRIM(P20))=0</formula>
    </cfRule>
  </conditionalFormatting>
  <conditionalFormatting sqref="P21">
    <cfRule type="containsBlanks" dxfId="27" priority="14">
      <formula>LEN(TRIM(P21))=0</formula>
    </cfRule>
  </conditionalFormatting>
  <conditionalFormatting sqref="P22">
    <cfRule type="containsBlanks" dxfId="26" priority="13">
      <formula>LEN(TRIM(P22))=0</formula>
    </cfRule>
  </conditionalFormatting>
  <conditionalFormatting sqref="P24">
    <cfRule type="containsBlanks" dxfId="25" priority="11">
      <formula>LEN(TRIM(P24))=0</formula>
    </cfRule>
  </conditionalFormatting>
  <conditionalFormatting sqref="P25:P28">
    <cfRule type="containsBlanks" dxfId="24" priority="10">
      <formula>LEN(TRIM(P25))=0</formula>
    </cfRule>
  </conditionalFormatting>
  <conditionalFormatting sqref="R18">
    <cfRule type="containsBlanks" dxfId="23" priority="9">
      <formula>LEN(TRIM(R18))=0</formula>
    </cfRule>
  </conditionalFormatting>
  <conditionalFormatting sqref="Q18">
    <cfRule type="containsBlanks" dxfId="22" priority="8">
      <formula>LEN(TRIM(Q18))=0</formula>
    </cfRule>
  </conditionalFormatting>
  <conditionalFormatting sqref="Q23">
    <cfRule type="containsBlanks" dxfId="21" priority="6">
      <formula>LEN(TRIM(Q23))=0</formula>
    </cfRule>
  </conditionalFormatting>
  <conditionalFormatting sqref="Q24">
    <cfRule type="containsBlanks" dxfId="20" priority="7">
      <formula>LEN(TRIM(Q24))=0</formula>
    </cfRule>
  </conditionalFormatting>
  <conditionalFormatting sqref="Q22">
    <cfRule type="containsBlanks" dxfId="19" priority="5">
      <formula>LEN(TRIM(Q22))=0</formula>
    </cfRule>
  </conditionalFormatting>
  <conditionalFormatting sqref="Q21">
    <cfRule type="containsBlanks" dxfId="18" priority="4">
      <formula>LEN(TRIM(Q21))=0</formula>
    </cfRule>
  </conditionalFormatting>
  <conditionalFormatting sqref="Q25:Q28">
    <cfRule type="containsBlanks" dxfId="17" priority="3">
      <formula>LEN(TRIM(Q25))=0</formula>
    </cfRule>
  </conditionalFormatting>
  <conditionalFormatting sqref="A13:A29">
    <cfRule type="containsBlanks" dxfId="16" priority="2">
      <formula>LEN(TRIM(A13))=0</formula>
    </cfRule>
  </conditionalFormatting>
  <conditionalFormatting sqref="A30">
    <cfRule type="containsBlanks" dxfId="15" priority="1">
      <formula>LEN(TRIM(A30))=0</formula>
    </cfRule>
  </conditionalFormatting>
  <pageMargins left="0.7" right="0.7" top="0.75" bottom="0.75" header="0.3" footer="0.3"/>
  <pageSetup orientation="portrait" r:id="rId1"/>
  <headerFooter>
    <oddHeader>&amp;L&amp;"Calibri"&amp;8&amp;K000000 Sensitivity: General&amp;1#_x000D_</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409B2E-4687-4A63-B5DB-9E2F6828BFD4}">
  <dimension ref="A1:Q201"/>
  <sheetViews>
    <sheetView view="pageLayout" topLeftCell="A162" zoomScale="70" zoomScaleNormal="100" zoomScalePageLayoutView="70" workbookViewId="0">
      <selection activeCell="Q73" sqref="Q73"/>
    </sheetView>
  </sheetViews>
  <sheetFormatPr defaultRowHeight="15" x14ac:dyDescent="0.25"/>
  <sheetData>
    <row r="1" spans="5:14" x14ac:dyDescent="0.25">
      <c r="E1" t="s">
        <v>509</v>
      </c>
      <c r="N1" t="s">
        <v>508</v>
      </c>
    </row>
    <row r="51" spans="1:17" x14ac:dyDescent="0.25">
      <c r="E51" t="s">
        <v>507</v>
      </c>
      <c r="L51" t="s">
        <v>506</v>
      </c>
    </row>
    <row r="52" spans="1:17" x14ac:dyDescent="0.25">
      <c r="A52" t="s">
        <v>505</v>
      </c>
    </row>
    <row r="54" spans="1:17" ht="15" customHeight="1" x14ac:dyDescent="0.25">
      <c r="L54" s="231" t="s">
        <v>504</v>
      </c>
      <c r="M54" s="423" t="s">
        <v>503</v>
      </c>
      <c r="N54" s="423"/>
      <c r="O54" s="423"/>
      <c r="P54" s="423"/>
      <c r="Q54" s="423"/>
    </row>
    <row r="55" spans="1:17" x14ac:dyDescent="0.25">
      <c r="A55" s="234"/>
      <c r="B55" s="234"/>
      <c r="C55" s="234"/>
      <c r="D55" s="235" t="s">
        <v>502</v>
      </c>
      <c r="E55" s="235"/>
      <c r="F55" s="235" t="s">
        <v>501</v>
      </c>
      <c r="G55" s="234"/>
      <c r="H55" s="234"/>
      <c r="L55" s="231" t="s">
        <v>500</v>
      </c>
      <c r="M55" s="237" t="s">
        <v>499</v>
      </c>
    </row>
    <row r="56" spans="1:17" x14ac:dyDescent="0.25">
      <c r="A56" s="235" t="s">
        <v>498</v>
      </c>
      <c r="B56" s="234"/>
      <c r="C56" s="234"/>
      <c r="D56" s="238" t="s">
        <v>497</v>
      </c>
      <c r="E56" s="238"/>
      <c r="F56" s="238">
        <v>3.7</v>
      </c>
      <c r="G56" s="234"/>
      <c r="H56" s="234"/>
      <c r="L56" s="231" t="str">
        <f>IF(K55="Intersection","Intersection Type","")</f>
        <v/>
      </c>
    </row>
    <row r="57" spans="1:17" ht="15" customHeight="1" x14ac:dyDescent="0.25">
      <c r="A57" s="235" t="s">
        <v>496</v>
      </c>
      <c r="B57" s="234"/>
      <c r="C57" s="234"/>
      <c r="D57" s="238" t="s">
        <v>495</v>
      </c>
      <c r="E57" s="238"/>
      <c r="F57" s="238">
        <v>1</v>
      </c>
      <c r="G57" s="234"/>
      <c r="H57" s="234"/>
      <c r="L57" s="231" t="str">
        <f>IF(M55="Corridor","Corridor Type","")</f>
        <v>Corridor Type</v>
      </c>
      <c r="M57" s="237" t="s">
        <v>494</v>
      </c>
    </row>
    <row r="58" spans="1:17" x14ac:dyDescent="0.25">
      <c r="A58" s="235" t="s">
        <v>493</v>
      </c>
      <c r="B58" s="234"/>
      <c r="C58" s="234"/>
      <c r="D58" s="238" t="s">
        <v>492</v>
      </c>
      <c r="E58" s="238"/>
      <c r="F58" s="420">
        <v>0.85</v>
      </c>
      <c r="G58" s="234"/>
      <c r="H58" s="234"/>
      <c r="L58" s="231" t="s">
        <v>491</v>
      </c>
      <c r="M58" s="237" t="s">
        <v>490</v>
      </c>
    </row>
    <row r="59" spans="1:17" x14ac:dyDescent="0.25">
      <c r="A59" s="235" t="s">
        <v>489</v>
      </c>
      <c r="B59" s="234"/>
      <c r="C59" s="234"/>
      <c r="D59" s="238" t="s">
        <v>488</v>
      </c>
      <c r="E59" s="238"/>
      <c r="F59" s="420"/>
      <c r="G59" s="234"/>
      <c r="H59" s="234"/>
      <c r="L59" s="242"/>
    </row>
    <row r="60" spans="1:17" x14ac:dyDescent="0.25">
      <c r="A60" s="235" t="s">
        <v>487</v>
      </c>
      <c r="B60" s="234"/>
      <c r="C60" s="234"/>
      <c r="D60" s="238" t="s">
        <v>485</v>
      </c>
      <c r="E60" s="238"/>
      <c r="F60" s="238">
        <v>1.43</v>
      </c>
      <c r="G60" s="234"/>
      <c r="H60" s="234"/>
      <c r="L60" s="231" t="str">
        <f>IF(K55="Intersection","Major Road AADT","Corridor AADT")</f>
        <v>Corridor AADT</v>
      </c>
      <c r="M60">
        <v>5660</v>
      </c>
    </row>
    <row r="61" spans="1:17" x14ac:dyDescent="0.25">
      <c r="A61" s="235" t="s">
        <v>486</v>
      </c>
      <c r="B61" s="234"/>
      <c r="C61" s="234"/>
      <c r="D61" s="238" t="s">
        <v>485</v>
      </c>
      <c r="E61" s="238"/>
      <c r="F61" s="238">
        <v>1.43</v>
      </c>
      <c r="G61" s="234"/>
      <c r="H61" s="234"/>
      <c r="L61" s="231" t="str">
        <f>IF(K55="Intersection","Minor Road AADT","Corridor Length (km)")</f>
        <v>Corridor Length (km)</v>
      </c>
      <c r="M61">
        <v>1.5329999999999999</v>
      </c>
    </row>
    <row r="62" spans="1:17" x14ac:dyDescent="0.25">
      <c r="A62" s="235"/>
      <c r="B62" s="234"/>
      <c r="C62" s="234"/>
      <c r="D62" s="238"/>
      <c r="E62" s="238"/>
      <c r="F62" s="238"/>
      <c r="G62" s="234"/>
      <c r="H62" s="234"/>
      <c r="L62" s="231"/>
    </row>
    <row r="63" spans="1:17" x14ac:dyDescent="0.25">
      <c r="A63" s="235" t="s">
        <v>484</v>
      </c>
      <c r="B63" s="234"/>
      <c r="C63" s="234"/>
      <c r="D63" s="238" t="s">
        <v>483</v>
      </c>
      <c r="E63" s="238"/>
      <c r="F63" s="238">
        <v>3</v>
      </c>
      <c r="G63" s="234"/>
      <c r="H63" s="234"/>
      <c r="L63" s="231" t="str">
        <f>IF(K55="Intersection","Product of Flow (PoF)","")</f>
        <v/>
      </c>
      <c r="M63" s="241"/>
    </row>
    <row r="64" spans="1:17" x14ac:dyDescent="0.25">
      <c r="A64" s="235" t="s">
        <v>482</v>
      </c>
      <c r="B64" s="234"/>
      <c r="C64" s="234"/>
      <c r="D64" s="238" t="s">
        <v>481</v>
      </c>
      <c r="E64" s="238"/>
      <c r="F64" s="238">
        <v>2.6</v>
      </c>
      <c r="G64" s="234"/>
      <c r="H64" s="234"/>
      <c r="L64" s="231" t="s">
        <v>480</v>
      </c>
      <c r="M64" s="237">
        <v>5</v>
      </c>
      <c r="N64" s="240" t="s">
        <v>479</v>
      </c>
      <c r="O64" s="240"/>
    </row>
    <row r="65" spans="1:16" x14ac:dyDescent="0.25">
      <c r="A65" s="235" t="s">
        <v>478</v>
      </c>
      <c r="B65" s="234"/>
      <c r="C65" s="234"/>
      <c r="D65" s="238" t="s">
        <v>477</v>
      </c>
      <c r="E65" s="238"/>
      <c r="F65" s="238">
        <v>1.3</v>
      </c>
      <c r="G65" s="234"/>
      <c r="H65" s="234"/>
      <c r="L65" s="231" t="s">
        <v>476</v>
      </c>
      <c r="M65" s="237">
        <v>2015</v>
      </c>
    </row>
    <row r="66" spans="1:16" x14ac:dyDescent="0.25">
      <c r="A66" s="235" t="s">
        <v>475</v>
      </c>
      <c r="B66" s="234"/>
      <c r="C66" s="234"/>
      <c r="D66" s="238" t="s">
        <v>474</v>
      </c>
      <c r="E66" s="238"/>
      <c r="F66" s="238" t="s">
        <v>385</v>
      </c>
      <c r="G66" s="234"/>
      <c r="H66" s="234"/>
      <c r="L66" s="231" t="s">
        <v>473</v>
      </c>
      <c r="M66" s="237">
        <v>2019</v>
      </c>
    </row>
    <row r="67" spans="1:16" x14ac:dyDescent="0.25">
      <c r="A67" s="235" t="s">
        <v>472</v>
      </c>
      <c r="B67" s="234"/>
      <c r="C67" s="234"/>
      <c r="D67" s="238" t="s">
        <v>471</v>
      </c>
      <c r="E67" s="238"/>
      <c r="F67" s="238" t="s">
        <v>385</v>
      </c>
      <c r="G67" s="234"/>
      <c r="H67" s="234"/>
    </row>
    <row r="68" spans="1:16" x14ac:dyDescent="0.25">
      <c r="A68" s="235" t="s">
        <v>470</v>
      </c>
      <c r="B68" s="234"/>
      <c r="C68" s="234"/>
      <c r="D68" s="238">
        <v>5660</v>
      </c>
      <c r="E68" s="238"/>
      <c r="F68" s="238">
        <v>1.4</v>
      </c>
      <c r="G68" s="234"/>
      <c r="H68" s="234"/>
      <c r="K68" s="233"/>
      <c r="L68" s="233"/>
      <c r="M68" s="233" t="s">
        <v>469</v>
      </c>
      <c r="N68" s="233"/>
      <c r="O68" s="233"/>
      <c r="P68" s="233"/>
    </row>
    <row r="69" spans="1:16" x14ac:dyDescent="0.25">
      <c r="L69" s="190" t="s">
        <v>468</v>
      </c>
      <c r="M69" s="190" t="s">
        <v>467</v>
      </c>
      <c r="N69" s="233" t="s">
        <v>466</v>
      </c>
      <c r="O69" s="233"/>
    </row>
    <row r="70" spans="1:16" x14ac:dyDescent="0.25">
      <c r="L70" s="190" t="s">
        <v>364</v>
      </c>
      <c r="M70" s="237"/>
      <c r="O70" s="236">
        <f>M70*'[1]Lookup Tables'!D48</f>
        <v>0</v>
      </c>
    </row>
    <row r="71" spans="1:16" x14ac:dyDescent="0.25">
      <c r="L71" s="190" t="s">
        <v>465</v>
      </c>
      <c r="M71" s="237"/>
      <c r="O71" s="236">
        <f>'[1]Lookup Tables'!D49*M71</f>
        <v>0</v>
      </c>
    </row>
    <row r="72" spans="1:16" x14ac:dyDescent="0.25">
      <c r="L72" s="190" t="s">
        <v>464</v>
      </c>
      <c r="M72" s="237"/>
      <c r="O72" s="236">
        <f>'[1]Lookup Tables'!D50*M72</f>
        <v>0</v>
      </c>
    </row>
    <row r="73" spans="1:16" x14ac:dyDescent="0.25">
      <c r="L73" s="190" t="s">
        <v>463</v>
      </c>
      <c r="M73" s="237"/>
      <c r="O73" s="236">
        <f>M73*'[1]Lookup Tables'!D51</f>
        <v>0</v>
      </c>
    </row>
    <row r="74" spans="1:16" x14ac:dyDescent="0.25">
      <c r="L74" s="190" t="s">
        <v>462</v>
      </c>
      <c r="M74" s="237"/>
      <c r="O74" s="236">
        <f>'[1]Lookup Tables'!D52*M74</f>
        <v>0</v>
      </c>
    </row>
    <row r="75" spans="1:16" x14ac:dyDescent="0.25">
      <c r="L75" s="190" t="s">
        <v>461</v>
      </c>
      <c r="M75" s="237">
        <v>1</v>
      </c>
      <c r="O75" s="236">
        <f>'[1]Lookup Tables'!D53*M75</f>
        <v>0.15</v>
      </c>
    </row>
    <row r="76" spans="1:16" x14ac:dyDescent="0.25">
      <c r="L76" s="190" t="s">
        <v>460</v>
      </c>
      <c r="M76" s="237"/>
      <c r="O76" s="236">
        <f>M76*'[1]Lookup Tables'!D54</f>
        <v>0</v>
      </c>
    </row>
    <row r="77" spans="1:16" x14ac:dyDescent="0.25">
      <c r="L77" s="190" t="s">
        <v>459</v>
      </c>
      <c r="M77" s="237"/>
      <c r="O77" s="236">
        <f>'[1]Lookup Tables'!D55*M77</f>
        <v>0</v>
      </c>
    </row>
    <row r="78" spans="1:16" x14ac:dyDescent="0.25">
      <c r="L78" s="190" t="s">
        <v>458</v>
      </c>
      <c r="M78" s="237">
        <v>1</v>
      </c>
      <c r="O78" s="236">
        <f>'[1]Lookup Tables'!D56*M78</f>
        <v>0.38</v>
      </c>
    </row>
    <row r="79" spans="1:16" x14ac:dyDescent="0.25">
      <c r="A79" s="235" t="s">
        <v>457</v>
      </c>
      <c r="B79" s="234"/>
      <c r="C79" s="239">
        <f>LOG10(F56*F57*F58*(F60+F61)/2*F63*F64*F65*F68)</f>
        <v>1.8051226779219047</v>
      </c>
      <c r="D79" s="234"/>
      <c r="L79" s="190" t="s">
        <v>456</v>
      </c>
      <c r="M79" s="237"/>
      <c r="O79" s="236">
        <f>M79*'[1]Lookup Tables'!D57</f>
        <v>0</v>
      </c>
    </row>
    <row r="80" spans="1:16" x14ac:dyDescent="0.25">
      <c r="A80" s="235" t="s">
        <v>455</v>
      </c>
      <c r="B80" s="234"/>
      <c r="C80" s="238" t="s">
        <v>435</v>
      </c>
      <c r="D80" s="234"/>
      <c r="L80" s="190" t="s">
        <v>454</v>
      </c>
      <c r="M80" s="237"/>
      <c r="O80" s="236">
        <f>'[1]Lookup Tables'!D58*M80</f>
        <v>0</v>
      </c>
    </row>
    <row r="81" spans="1:15" x14ac:dyDescent="0.25">
      <c r="L81" s="190" t="s">
        <v>453</v>
      </c>
      <c r="M81" s="237">
        <v>1</v>
      </c>
      <c r="O81" s="236">
        <f>'[1]Lookup Tables'!D59*M81</f>
        <v>0.32</v>
      </c>
    </row>
    <row r="82" spans="1:15" x14ac:dyDescent="0.25">
      <c r="A82" s="421" t="s">
        <v>452</v>
      </c>
      <c r="B82" s="421"/>
      <c r="C82" s="421"/>
      <c r="D82" s="421"/>
      <c r="E82" s="421"/>
      <c r="F82" s="421"/>
      <c r="G82" s="421"/>
      <c r="H82" s="421"/>
      <c r="I82" s="421"/>
      <c r="L82" s="190" t="s">
        <v>195</v>
      </c>
      <c r="M82" s="237">
        <v>1</v>
      </c>
      <c r="O82" s="236">
        <f>M82*'[1]Lookup Tables'!D60</f>
        <v>0.62</v>
      </c>
    </row>
    <row r="83" spans="1:15" x14ac:dyDescent="0.25">
      <c r="A83" s="235" t="s">
        <v>451</v>
      </c>
      <c r="B83" s="234"/>
      <c r="C83" s="234" t="str">
        <f>N87</f>
        <v>LOW MEDIUM</v>
      </c>
      <c r="D83" s="234"/>
      <c r="L83" s="190" t="s">
        <v>450</v>
      </c>
      <c r="M83" s="237"/>
      <c r="O83" s="236">
        <f>'[1]Lookup Tables'!D61*M83</f>
        <v>0</v>
      </c>
    </row>
    <row r="84" spans="1:15" x14ac:dyDescent="0.25">
      <c r="A84" s="235" t="s">
        <v>449</v>
      </c>
      <c r="B84" s="234"/>
      <c r="C84" s="234" t="str">
        <f>N88</f>
        <v>MEDIUM</v>
      </c>
      <c r="D84" s="234"/>
      <c r="L84" s="190" t="s">
        <v>448</v>
      </c>
      <c r="M84" s="237"/>
      <c r="O84" s="236">
        <f>'[1]Lookup Tables'!D62*M84</f>
        <v>0</v>
      </c>
    </row>
    <row r="85" spans="1:15" x14ac:dyDescent="0.25">
      <c r="A85" s="235" t="s">
        <v>447</v>
      </c>
      <c r="B85" s="234"/>
      <c r="C85" s="234" t="s">
        <v>446</v>
      </c>
      <c r="D85" s="234"/>
      <c r="L85" s="190"/>
      <c r="M85" s="190">
        <f>SUM(M70:M84)</f>
        <v>4</v>
      </c>
      <c r="O85" s="232">
        <f>SUM(O70:O84)</f>
        <v>1.4700000000000002</v>
      </c>
    </row>
    <row r="86" spans="1:15" x14ac:dyDescent="0.25">
      <c r="M86" s="232"/>
      <c r="N86" s="233"/>
      <c r="O86" s="233"/>
    </row>
    <row r="87" spans="1:15" x14ac:dyDescent="0.25">
      <c r="L87" s="231" t="s">
        <v>445</v>
      </c>
      <c r="M87" s="232">
        <f>IF(M55="Intersection",O85/M64,(O85/(M64*M61)))</f>
        <v>0.19178082191780826</v>
      </c>
      <c r="N87" s="422" t="str">
        <f>IF(AND(M55="intersection",O85&gt;1.6),"HIGH",IF(AND(M55="intersection",O85&gt;1.1),"MEDIUM HIGH",IF(AND(M55="intersection",O85&gt;0.6),"MEDIUM",IF(AND(M55="intersection",O85&gt;0.3),"LOW MEDIUM",IF(AND(M55="Corridor",M58="Urban",M87&gt;(0.74004*(M61^-0.338))),"HIGH",IF(AND(M55="Corridor",M58="Urban",M87&gt;(0.44402*(M61^-0.338))),"MEDIUM HIGH",IF(AND(M55="Corridor",M58="Urban",M87&gt;(0.22202*(M61^-0.338))),"MEDIUM",IF(AND(M55="Corridor",M58="Urban",M87&gt;(0.074*(M61^-0.338))),"LOW MEDIUM",IF(AND(M55="Corridor",M58="Rural",M87&gt;(0.42146*(M61^-0.196))),"HIGH",IF(AND(M55="Corridor",M58="Rural",M87&gt;(0.19664*(M61^-0.109))),"MEDIUM HIGH",IF(AND(M55="Corridor",M58="Rural",(M87&gt;0.07384)),"MEDIUM",IF(AND(M55="Corridor",M58="Rural",(M87&gt;0.02332)),"LOW MEDIUM","LOW"))))))))))))</f>
        <v>LOW MEDIUM</v>
      </c>
      <c r="O87" s="422"/>
    </row>
    <row r="88" spans="1:15" x14ac:dyDescent="0.25">
      <c r="L88" s="231" t="s">
        <v>158</v>
      </c>
      <c r="M88" s="230">
        <f>IF(M55="Intersection",((M87*100000000)/(M62*365*1.7)),((M87*100000000)/(M60*365)))</f>
        <v>9.2831609428243524</v>
      </c>
      <c r="N88" s="422" t="str">
        <f>IF(AND(M55="Intersection",M88&gt;=32),"HIGH",IF(AND(M55="intersection",M88&gt;=16),"MEDIUM HIGH",IF(AND(M55="intersection",M88&gt;=10),"MEDIUM",IF(AND(M55="intersection",M88&gt;=6),"LOW MEDIUM",IF(AND(M55="Corridor",M88&gt;=20,M85&gt;=3),"HIGH",IF(AND(M55="Corridor",M88&gt;=12,M85&gt;=2),"MEDIUM HIGH",IF(AND(M55="Corridor",M88&gt;=20,M85&gt;=2),"MEDIUM HIGH",IF(AND(M55="Corridor",M88&gt;=20,M85&gt;=1),"MEDIUM",IF(AND(M55="Corridor",M88&gt;=12,M85&gt;=1),"MEDIUM",IF(AND(M55="Corridor",M88&gt;=5),"MEDIUM",IF(AND(M55="Corridor",M88&gt;=2),"LOW MEDIUM","LOW")))))))))))</f>
        <v>MEDIUM</v>
      </c>
      <c r="O88" s="422"/>
    </row>
    <row r="101" spans="5:14" x14ac:dyDescent="0.25">
      <c r="E101" t="s">
        <v>444</v>
      </c>
      <c r="N101" t="s">
        <v>443</v>
      </c>
    </row>
    <row r="151" spans="5:14" x14ac:dyDescent="0.25">
      <c r="E151" t="s">
        <v>442</v>
      </c>
      <c r="N151" t="s">
        <v>441</v>
      </c>
    </row>
    <row r="201" spans="5:14" x14ac:dyDescent="0.25">
      <c r="E201" t="s">
        <v>440</v>
      </c>
      <c r="N201" t="s">
        <v>439</v>
      </c>
    </row>
  </sheetData>
  <mergeCells count="5">
    <mergeCell ref="F58:F59"/>
    <mergeCell ref="A82:I82"/>
    <mergeCell ref="N88:O88"/>
    <mergeCell ref="N87:O87"/>
    <mergeCell ref="M54:Q54"/>
  </mergeCells>
  <conditionalFormatting sqref="N88">
    <cfRule type="cellIs" dxfId="14" priority="1" operator="equal">
      <formula>"LOW"</formula>
    </cfRule>
    <cfRule type="cellIs" dxfId="13" priority="2" operator="equal">
      <formula>"LOW MEDIUM"</formula>
    </cfRule>
    <cfRule type="cellIs" dxfId="12" priority="3" operator="equal">
      <formula>"MEDIUM"</formula>
    </cfRule>
    <cfRule type="cellIs" dxfId="11" priority="4" operator="equal">
      <formula>"MEDIUM HIGH"</formula>
    </cfRule>
    <cfRule type="cellIs" dxfId="10" priority="5" operator="equal">
      <formula>"HIGH"</formula>
    </cfRule>
  </conditionalFormatting>
  <conditionalFormatting sqref="N86">
    <cfRule type="cellIs" dxfId="9" priority="11" operator="equal">
      <formula>"LOW"</formula>
    </cfRule>
    <cfRule type="cellIs" dxfId="8" priority="12" operator="equal">
      <formula>"LOW MEDIUM"</formula>
    </cfRule>
    <cfRule type="cellIs" dxfId="7" priority="13" operator="equal">
      <formula>"MEDIUM"</formula>
    </cfRule>
    <cfRule type="cellIs" dxfId="6" priority="14" operator="equal">
      <formula>"MEDIUM HIGH"</formula>
    </cfRule>
    <cfRule type="cellIs" dxfId="5" priority="15" operator="equal">
      <formula>"HIGH"</formula>
    </cfRule>
  </conditionalFormatting>
  <conditionalFormatting sqref="N87">
    <cfRule type="cellIs" dxfId="4" priority="6" operator="equal">
      <formula>"LOW"</formula>
    </cfRule>
    <cfRule type="cellIs" dxfId="3" priority="7" operator="equal">
      <formula>"LOW MEDIUM"</formula>
    </cfRule>
    <cfRule type="cellIs" dxfId="2" priority="8" operator="equal">
      <formula>"MEDIUM"</formula>
    </cfRule>
    <cfRule type="cellIs" dxfId="1" priority="9" operator="equal">
      <formula>"MEDIUM HIGH"</formula>
    </cfRule>
    <cfRule type="cellIs" dxfId="0" priority="10" operator="equal">
      <formula>"HIGH"</formula>
    </cfRule>
  </conditionalFormatting>
  <dataValidations count="3">
    <dataValidation type="list" allowBlank="1" showInputMessage="1" showErrorMessage="1" promptTitle="Select" prompt="Select" sqref="M55" xr:uid="{9EEA9AE1-C4F2-4F18-BA9D-68D6DAA5BD3F}">
      <formula1>RoadType</formula1>
    </dataValidation>
    <dataValidation type="list" allowBlank="1" showInputMessage="1" showErrorMessage="1" promptTitle="Select" prompt="Select" sqref="M56" xr:uid="{89BFA720-D2EC-4C15-8964-3D673E0DF286}">
      <formula1>IntersectionType</formula1>
    </dataValidation>
    <dataValidation type="list" allowBlank="1" showInputMessage="1" showErrorMessage="1" promptTitle="Select" prompt="Select" sqref="M58" xr:uid="{0A87D525-860B-4551-9BC6-03AE9BDE0BA4}">
      <formula1>SpeedEnvironment</formula1>
    </dataValidation>
  </dataValidations>
  <pageMargins left="0.70866141732283505" right="0.70866141732283505" top="0.74803149606299202" bottom="0.74803149606299202" header="0.31496062992126" footer="0.31496062992126"/>
  <pageSetup paperSize="9" pageOrder="overThenDown" orientation="portrait" r:id="rId1"/>
  <headerFooter>
    <oddHeader>&amp;L&amp;"Calibri,Regular"&amp;8&amp;K000000 Sensitivity: General&amp;1#
&amp;R&amp;A</oddHeader>
    <oddFooter>Page &amp;P of &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50D720-5095-4A13-931E-9689AA5CA6F1}">
  <dimension ref="E1:O401"/>
  <sheetViews>
    <sheetView topLeftCell="A430" workbookViewId="0">
      <selection activeCell="W18" sqref="W18"/>
    </sheetView>
  </sheetViews>
  <sheetFormatPr defaultRowHeight="15" x14ac:dyDescent="0.25"/>
  <sheetData>
    <row r="1" spans="5:15" x14ac:dyDescent="0.25">
      <c r="E1" t="s">
        <v>340</v>
      </c>
      <c r="O1" t="s">
        <v>363</v>
      </c>
    </row>
    <row r="13" spans="5:15" x14ac:dyDescent="0.25">
      <c r="L13" t="s">
        <v>364</v>
      </c>
    </row>
    <row r="51" spans="5:14" x14ac:dyDescent="0.25">
      <c r="E51" t="s">
        <v>343</v>
      </c>
      <c r="N51" t="s">
        <v>344</v>
      </c>
    </row>
    <row r="101" spans="5:14" x14ac:dyDescent="0.25">
      <c r="E101" t="s">
        <v>345</v>
      </c>
      <c r="N101" t="s">
        <v>347</v>
      </c>
    </row>
    <row r="151" spans="5:14" x14ac:dyDescent="0.25">
      <c r="E151" t="s">
        <v>348</v>
      </c>
      <c r="N151" t="s">
        <v>350</v>
      </c>
    </row>
    <row r="201" spans="5:14" x14ac:dyDescent="0.25">
      <c r="E201" t="s">
        <v>352</v>
      </c>
      <c r="N201" t="s">
        <v>353</v>
      </c>
    </row>
    <row r="251" spans="5:14" x14ac:dyDescent="0.25">
      <c r="E251" t="s">
        <v>354</v>
      </c>
      <c r="N251" t="s">
        <v>355</v>
      </c>
    </row>
    <row r="301" spans="5:14" x14ac:dyDescent="0.25">
      <c r="E301" t="s">
        <v>356</v>
      </c>
      <c r="N301" t="s">
        <v>358</v>
      </c>
    </row>
    <row r="351" spans="5:14" x14ac:dyDescent="0.25">
      <c r="E351" t="s">
        <v>359</v>
      </c>
      <c r="N351" t="s">
        <v>361</v>
      </c>
    </row>
    <row r="401" spans="5:5" x14ac:dyDescent="0.25">
      <c r="E401" t="s">
        <v>362</v>
      </c>
    </row>
  </sheetData>
  <pageMargins left="0.7" right="0.7" top="0.75" bottom="0.75" header="0.3" footer="0.3"/>
  <pageSetup paperSize="9" orientation="portrait" r:id="rId1"/>
  <headerFooter>
    <oddHeader>&amp;L&amp;"Calibri"&amp;8&amp;K000000 Sensitivity: General&amp;1#_x000D_&amp;CCorridor Editor (Edition III 
Updated)</oddHead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A99CF9-29D8-4090-9631-8374D90E7B88}">
  <dimension ref="A1"/>
  <sheetViews>
    <sheetView topLeftCell="A19" zoomScale="55" zoomScaleNormal="55" workbookViewId="0">
      <selection activeCell="Y20" sqref="Y20"/>
    </sheetView>
  </sheetViews>
  <sheetFormatPr defaultRowHeight="15" x14ac:dyDescent="0.25"/>
  <sheetData/>
  <pageMargins left="0.7" right="0.7" top="0.75" bottom="0.75" header="0.3" footer="0.3"/>
  <pageSetup paperSize="9" orientation="portrait" r:id="rId1"/>
  <headerFooter>
    <oddHeader>&amp;L&amp;"Calibri"&amp;8&amp;K000000 Sensitivity: General&amp;1#_x000D_</oddHead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BF1E054-DB60-4347-B35A-AE2C072C0538}">
  <dimension ref="A1:P479"/>
  <sheetViews>
    <sheetView topLeftCell="A337" zoomScale="85" zoomScaleNormal="85" workbookViewId="0">
      <selection activeCell="U163" sqref="U163"/>
    </sheetView>
  </sheetViews>
  <sheetFormatPr defaultRowHeight="15" x14ac:dyDescent="0.25"/>
  <cols>
    <col min="1" max="1" width="9.5703125" bestFit="1" customWidth="1"/>
  </cols>
  <sheetData>
    <row r="1" spans="1:11" ht="14.85" customHeight="1" x14ac:dyDescent="0.25">
      <c r="A1" s="199"/>
      <c r="B1" s="430" t="s">
        <v>337</v>
      </c>
      <c r="C1" s="430"/>
      <c r="D1" s="430"/>
      <c r="E1" s="430" t="s">
        <v>338</v>
      </c>
      <c r="F1" s="430"/>
      <c r="G1" s="430"/>
      <c r="H1" s="431" t="s">
        <v>339</v>
      </c>
      <c r="I1" s="431"/>
      <c r="J1" s="431"/>
      <c r="K1" s="431"/>
    </row>
    <row r="2" spans="1:11" x14ac:dyDescent="0.25">
      <c r="A2" s="200" t="s">
        <v>340</v>
      </c>
      <c r="B2" s="424">
        <v>80</v>
      </c>
      <c r="C2" s="424"/>
      <c r="D2" s="424"/>
      <c r="E2" s="424">
        <v>80</v>
      </c>
      <c r="F2" s="424"/>
      <c r="G2" s="424"/>
      <c r="H2" s="425" t="s">
        <v>341</v>
      </c>
      <c r="I2" s="425"/>
      <c r="J2" s="425"/>
      <c r="K2" s="425"/>
    </row>
    <row r="3" spans="1:11" x14ac:dyDescent="0.25">
      <c r="A3" s="200" t="s">
        <v>342</v>
      </c>
      <c r="B3" s="424">
        <v>80</v>
      </c>
      <c r="C3" s="424"/>
      <c r="D3" s="424"/>
      <c r="E3" s="424">
        <v>80</v>
      </c>
      <c r="F3" s="424"/>
      <c r="G3" s="424"/>
      <c r="H3" s="425" t="s">
        <v>341</v>
      </c>
      <c r="I3" s="425"/>
      <c r="J3" s="425"/>
      <c r="K3" s="425"/>
    </row>
    <row r="4" spans="1:11" x14ac:dyDescent="0.25">
      <c r="A4" s="200" t="s">
        <v>343</v>
      </c>
      <c r="B4" s="424">
        <v>80</v>
      </c>
      <c r="C4" s="424"/>
      <c r="D4" s="424"/>
      <c r="E4" s="424">
        <v>80</v>
      </c>
      <c r="F4" s="424"/>
      <c r="G4" s="424"/>
      <c r="H4" s="425" t="s">
        <v>341</v>
      </c>
      <c r="I4" s="425"/>
      <c r="J4" s="425"/>
      <c r="K4" s="425"/>
    </row>
    <row r="5" spans="1:11" x14ac:dyDescent="0.25">
      <c r="A5" s="200" t="s">
        <v>344</v>
      </c>
      <c r="B5" s="424">
        <v>60</v>
      </c>
      <c r="C5" s="424"/>
      <c r="D5" s="424"/>
      <c r="E5" s="424">
        <v>60</v>
      </c>
      <c r="F5" s="424"/>
      <c r="G5" s="424"/>
      <c r="H5" s="425" t="s">
        <v>341</v>
      </c>
      <c r="I5" s="425"/>
      <c r="J5" s="425"/>
      <c r="K5" s="425"/>
    </row>
    <row r="6" spans="1:11" ht="92.85" customHeight="1" x14ac:dyDescent="0.25">
      <c r="A6" s="200" t="s">
        <v>345</v>
      </c>
      <c r="B6" s="426">
        <v>40</v>
      </c>
      <c r="C6" s="426"/>
      <c r="D6" s="426"/>
      <c r="E6" s="426">
        <v>50</v>
      </c>
      <c r="F6" s="426"/>
      <c r="G6" s="426"/>
      <c r="H6" s="427" t="s">
        <v>346</v>
      </c>
      <c r="I6" s="427"/>
      <c r="J6" s="427"/>
      <c r="K6" s="427"/>
    </row>
    <row r="7" spans="1:11" x14ac:dyDescent="0.25">
      <c r="A7" s="200" t="s">
        <v>347</v>
      </c>
      <c r="B7" s="424">
        <v>50</v>
      </c>
      <c r="C7" s="424"/>
      <c r="D7" s="424"/>
      <c r="E7" s="424">
        <v>50</v>
      </c>
      <c r="F7" s="424"/>
      <c r="G7" s="424"/>
      <c r="H7" s="425" t="s">
        <v>341</v>
      </c>
      <c r="I7" s="425"/>
      <c r="J7" s="425"/>
      <c r="K7" s="425"/>
    </row>
    <row r="8" spans="1:11" ht="85.35" customHeight="1" x14ac:dyDescent="0.25">
      <c r="A8" s="200" t="s">
        <v>348</v>
      </c>
      <c r="B8" s="426">
        <v>60</v>
      </c>
      <c r="C8" s="426"/>
      <c r="D8" s="426"/>
      <c r="E8" s="426">
        <v>80</v>
      </c>
      <c r="F8" s="426"/>
      <c r="G8" s="426"/>
      <c r="H8" s="427" t="s">
        <v>349</v>
      </c>
      <c r="I8" s="427"/>
      <c r="J8" s="427"/>
      <c r="K8" s="427"/>
    </row>
    <row r="9" spans="1:11" ht="112.35" customHeight="1" x14ac:dyDescent="0.25">
      <c r="A9" s="200" t="s">
        <v>350</v>
      </c>
      <c r="B9" s="426">
        <v>60</v>
      </c>
      <c r="C9" s="426"/>
      <c r="D9" s="426"/>
      <c r="E9" s="426">
        <v>50</v>
      </c>
      <c r="F9" s="426"/>
      <c r="G9" s="426"/>
      <c r="H9" s="427" t="s">
        <v>351</v>
      </c>
      <c r="I9" s="427"/>
      <c r="J9" s="427"/>
      <c r="K9" s="427"/>
    </row>
    <row r="10" spans="1:11" x14ac:dyDescent="0.25">
      <c r="A10" s="200" t="s">
        <v>352</v>
      </c>
      <c r="B10" s="424">
        <v>80</v>
      </c>
      <c r="C10" s="424"/>
      <c r="D10" s="424"/>
      <c r="E10" s="424">
        <v>80</v>
      </c>
      <c r="F10" s="424"/>
      <c r="G10" s="424"/>
      <c r="H10" s="425" t="s">
        <v>341</v>
      </c>
      <c r="I10" s="425"/>
      <c r="J10" s="425"/>
      <c r="K10" s="425"/>
    </row>
    <row r="11" spans="1:11" x14ac:dyDescent="0.25">
      <c r="A11" s="200" t="s">
        <v>353</v>
      </c>
      <c r="B11" s="424">
        <v>80</v>
      </c>
      <c r="C11" s="424"/>
      <c r="D11" s="424"/>
      <c r="E11" s="424">
        <v>80</v>
      </c>
      <c r="F11" s="424"/>
      <c r="G11" s="424"/>
      <c r="H11" s="425" t="s">
        <v>341</v>
      </c>
      <c r="I11" s="425"/>
      <c r="J11" s="425"/>
      <c r="K11" s="425"/>
    </row>
    <row r="12" spans="1:11" x14ac:dyDescent="0.25">
      <c r="A12" s="200" t="s">
        <v>354</v>
      </c>
      <c r="B12" s="424">
        <v>60</v>
      </c>
      <c r="C12" s="424"/>
      <c r="D12" s="424"/>
      <c r="E12" s="424">
        <v>60</v>
      </c>
      <c r="F12" s="424"/>
      <c r="G12" s="424"/>
      <c r="H12" s="425" t="s">
        <v>341</v>
      </c>
      <c r="I12" s="425"/>
      <c r="J12" s="425"/>
      <c r="K12" s="425"/>
    </row>
    <row r="13" spans="1:11" x14ac:dyDescent="0.25">
      <c r="A13" s="200" t="s">
        <v>355</v>
      </c>
      <c r="B13" s="424">
        <v>100</v>
      </c>
      <c r="C13" s="424"/>
      <c r="D13" s="424"/>
      <c r="E13" s="424">
        <v>100</v>
      </c>
      <c r="F13" s="424"/>
      <c r="G13" s="424"/>
      <c r="H13" s="425" t="s">
        <v>341</v>
      </c>
      <c r="I13" s="425"/>
      <c r="J13" s="425"/>
      <c r="K13" s="425"/>
    </row>
    <row r="14" spans="1:11" ht="39" customHeight="1" x14ac:dyDescent="0.25">
      <c r="A14" s="200" t="s">
        <v>356</v>
      </c>
      <c r="B14" s="426">
        <v>60</v>
      </c>
      <c r="C14" s="426"/>
      <c r="D14" s="426"/>
      <c r="E14" s="426">
        <v>50</v>
      </c>
      <c r="F14" s="426"/>
      <c r="G14" s="426"/>
      <c r="H14" s="427" t="s">
        <v>357</v>
      </c>
      <c r="I14" s="427"/>
      <c r="J14" s="427"/>
      <c r="K14" s="427"/>
    </row>
    <row r="15" spans="1:11" ht="41.85" customHeight="1" x14ac:dyDescent="0.25">
      <c r="A15" s="200" t="s">
        <v>358</v>
      </c>
      <c r="B15" s="426">
        <v>60</v>
      </c>
      <c r="C15" s="426"/>
      <c r="D15" s="426"/>
      <c r="E15" s="426">
        <v>50</v>
      </c>
      <c r="F15" s="426"/>
      <c r="G15" s="426"/>
      <c r="H15" s="427" t="s">
        <v>357</v>
      </c>
      <c r="I15" s="427"/>
      <c r="J15" s="427"/>
      <c r="K15" s="427"/>
    </row>
    <row r="16" spans="1:11" ht="80.099999999999994" customHeight="1" x14ac:dyDescent="0.25">
      <c r="A16" s="200" t="s">
        <v>359</v>
      </c>
      <c r="B16" s="428">
        <v>50</v>
      </c>
      <c r="C16" s="428"/>
      <c r="D16" s="428"/>
      <c r="E16" s="428">
        <v>50</v>
      </c>
      <c r="F16" s="428"/>
      <c r="G16" s="428"/>
      <c r="H16" s="429" t="s">
        <v>360</v>
      </c>
      <c r="I16" s="429"/>
      <c r="J16" s="429"/>
      <c r="K16" s="429"/>
    </row>
    <row r="17" spans="1:15" x14ac:dyDescent="0.25">
      <c r="A17" s="200" t="s">
        <v>361</v>
      </c>
      <c r="B17" s="424">
        <v>60</v>
      </c>
      <c r="C17" s="424"/>
      <c r="D17" s="424"/>
      <c r="E17" s="424">
        <v>60</v>
      </c>
      <c r="F17" s="424"/>
      <c r="G17" s="424"/>
      <c r="H17" s="425" t="s">
        <v>341</v>
      </c>
      <c r="I17" s="425"/>
      <c r="J17" s="425"/>
      <c r="K17" s="425"/>
    </row>
    <row r="18" spans="1:15" x14ac:dyDescent="0.25">
      <c r="A18" s="200" t="s">
        <v>362</v>
      </c>
      <c r="B18" s="424">
        <v>50</v>
      </c>
      <c r="C18" s="424"/>
      <c r="D18" s="424"/>
      <c r="E18" s="424">
        <v>50</v>
      </c>
      <c r="F18" s="424"/>
      <c r="G18" s="424"/>
      <c r="H18" s="425" t="s">
        <v>341</v>
      </c>
      <c r="I18" s="425"/>
      <c r="J18" s="425"/>
      <c r="K18" s="425"/>
    </row>
    <row r="31" spans="1:15" x14ac:dyDescent="0.25">
      <c r="E31" t="s">
        <v>340</v>
      </c>
      <c r="O31" t="s">
        <v>342</v>
      </c>
    </row>
    <row r="87" spans="5:15" x14ac:dyDescent="0.25">
      <c r="E87" t="s">
        <v>343</v>
      </c>
      <c r="O87" t="s">
        <v>344</v>
      </c>
    </row>
    <row r="143" spans="5:15" x14ac:dyDescent="0.25">
      <c r="E143" t="s">
        <v>345</v>
      </c>
      <c r="O143" t="s">
        <v>347</v>
      </c>
    </row>
    <row r="199" spans="5:15" x14ac:dyDescent="0.25">
      <c r="E199" t="s">
        <v>348</v>
      </c>
      <c r="O199" t="s">
        <v>350</v>
      </c>
    </row>
    <row r="255" spans="5:15" x14ac:dyDescent="0.25">
      <c r="E255" t="s">
        <v>352</v>
      </c>
      <c r="O255" t="s">
        <v>353</v>
      </c>
    </row>
    <row r="311" spans="5:15" x14ac:dyDescent="0.25">
      <c r="E311" t="s">
        <v>354</v>
      </c>
      <c r="O311" t="s">
        <v>355</v>
      </c>
    </row>
    <row r="367" spans="5:16" x14ac:dyDescent="0.25">
      <c r="E367" t="s">
        <v>356</v>
      </c>
      <c r="P367" t="s">
        <v>358</v>
      </c>
    </row>
    <row r="423" spans="5:16" x14ac:dyDescent="0.25">
      <c r="E423" t="s">
        <v>359</v>
      </c>
      <c r="P423" t="s">
        <v>361</v>
      </c>
    </row>
    <row r="479" spans="5:5" x14ac:dyDescent="0.25">
      <c r="E479" t="s">
        <v>362</v>
      </c>
    </row>
  </sheetData>
  <mergeCells count="54">
    <mergeCell ref="B1:D1"/>
    <mergeCell ref="E1:G1"/>
    <mergeCell ref="H1:K1"/>
    <mergeCell ref="B2:D2"/>
    <mergeCell ref="E2:G2"/>
    <mergeCell ref="H2:K2"/>
    <mergeCell ref="B3:D3"/>
    <mergeCell ref="E3:G3"/>
    <mergeCell ref="H3:K3"/>
    <mergeCell ref="B4:D4"/>
    <mergeCell ref="E4:G4"/>
    <mergeCell ref="H4:K4"/>
    <mergeCell ref="B5:D5"/>
    <mergeCell ref="E5:G5"/>
    <mergeCell ref="H5:K5"/>
    <mergeCell ref="B6:D6"/>
    <mergeCell ref="E6:G6"/>
    <mergeCell ref="H6:K6"/>
    <mergeCell ref="B7:D7"/>
    <mergeCell ref="E7:G7"/>
    <mergeCell ref="H7:K7"/>
    <mergeCell ref="B8:D8"/>
    <mergeCell ref="E8:G8"/>
    <mergeCell ref="H8:K8"/>
    <mergeCell ref="B9:D9"/>
    <mergeCell ref="E9:G9"/>
    <mergeCell ref="H9:K9"/>
    <mergeCell ref="B10:D10"/>
    <mergeCell ref="E10:G10"/>
    <mergeCell ref="H10:K10"/>
    <mergeCell ref="B11:D11"/>
    <mergeCell ref="E11:G11"/>
    <mergeCell ref="H11:K11"/>
    <mergeCell ref="B12:D12"/>
    <mergeCell ref="E12:G12"/>
    <mergeCell ref="H12:K12"/>
    <mergeCell ref="B13:D13"/>
    <mergeCell ref="E13:G13"/>
    <mergeCell ref="H13:K13"/>
    <mergeCell ref="B14:D14"/>
    <mergeCell ref="E14:G14"/>
    <mergeCell ref="H14:K14"/>
    <mergeCell ref="B15:D15"/>
    <mergeCell ref="E15:G15"/>
    <mergeCell ref="H15:K15"/>
    <mergeCell ref="B16:D16"/>
    <mergeCell ref="E16:G16"/>
    <mergeCell ref="H16:K16"/>
    <mergeCell ref="B17:D17"/>
    <mergeCell ref="E17:G17"/>
    <mergeCell ref="H17:K17"/>
    <mergeCell ref="B18:D18"/>
    <mergeCell ref="E18:G18"/>
    <mergeCell ref="H18:K18"/>
  </mergeCells>
  <pageMargins left="0.70866141732283472" right="0.70866141732283472" top="0.74803149606299213" bottom="0.74803149606299213" header="0.31496062992125984" footer="0.31496062992125984"/>
  <pageSetup paperSize="8" scale="90" pageOrder="overThenDown" orientation="landscape" r:id="rId1"/>
  <headerFooter>
    <oddHeader>&amp;L&amp;"Calibri"&amp;8&amp;K000000 Sensitivity: General&amp;1#_x000D_&amp;CCorridor Editor (Edition II)</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9</vt:i4>
      </vt:variant>
      <vt:variant>
        <vt:lpstr>Named Ranges</vt:lpstr>
      </vt:variant>
      <vt:variant>
        <vt:i4>4</vt:i4>
      </vt:variant>
    </vt:vector>
  </HeadingPairs>
  <TitlesOfParts>
    <vt:vector size="13" baseType="lpstr">
      <vt:lpstr>Assessment Form</vt:lpstr>
      <vt:lpstr>Sheet1</vt:lpstr>
      <vt:lpstr>Speed Review Report Outputs</vt:lpstr>
      <vt:lpstr>Doc_Rev_Tracker</vt:lpstr>
      <vt:lpstr>Travel Time Calculation</vt:lpstr>
      <vt:lpstr>Corridor Editor(III) N1-N9</vt:lpstr>
      <vt:lpstr>Corridor Editor(III) 1-17</vt:lpstr>
      <vt:lpstr>Site Details Crash Report</vt:lpstr>
      <vt:lpstr>Corridor Editor(II) 1-17</vt:lpstr>
      <vt:lpstr>'Speed Review Report Outputs'!_Hlk59099261</vt:lpstr>
      <vt:lpstr>'Assessment Form'!bkmsubmitdate</vt:lpstr>
      <vt:lpstr>'Assessment Form'!Print_Area</vt:lpstr>
      <vt:lpstr>'Corridor Editor(III) N1-N9'!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2-07-19T23:30:56Z</dcterms:created>
  <dcterms:modified xsi:type="dcterms:W3CDTF">2022-07-19T23:31:11Z</dcterms:modified>
</cp:coreProperties>
</file>